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notesMasterIdLst>
    <p:notesMasterId r:id="rId4"/>
  </p:notesMasterIdLst>
  <p:sldIdLst>
    <p:sldId id="268" r:id="rId2"/>
    <p:sldId id="27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9954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080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AD1ACB8-1F89-491E-A505-2E582B84D4D6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940894A-8360-4645-8701-A78B2FB350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183201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75CE90B-61E0-43BA-A0F4-9294F21C614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066602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13140E-1E8F-11B8-04BB-B9E2E7FB18F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01A8ED-3726-23DE-E5B1-459B1C95E31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712B40B-4CAD-D2A3-9F51-8FFE8094D7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D3A5C8E-4E24-5B07-7AF6-3F68A75503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47F5FE-C246-C172-4BB2-5AACB20BF4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39871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7CDF3F-BFBA-B7D2-D910-84A4E7FDC1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F9EB881-4FF7-24E8-426B-2F1DC24CA56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C85266-CEFF-1AB8-2F22-526272D950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0A4CB1-3D90-710A-1E84-EFEC20C746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CFB87-C31E-3099-AF48-80E1BC5281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37247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0B7600-9F1D-E2E1-331B-8CD65E59033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BA79CAB-6330-276C-64E6-2B1807EF2A6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26EF7-9EE2-133B-2449-F94CD87933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85A5424-4FA9-D364-A24E-EEFDA3F0C9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2A96A-6593-EDE7-E874-7335A823BA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9155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1DF2B9-A453-8C16-21FA-7E7C3142D6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D9C9D3-5319-202E-7749-3325E18E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F096C7-EB6E-C7D5-349E-9306CED456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9B771C0-06FA-379D-9D44-9D9C36A00D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7F178F-766B-6C79-777B-8E3AB8A5DA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9899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04B7A9-3DDD-2DDA-3608-FEF59DBC30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0DB1CD-0A72-35F1-D6C2-A37E2232978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39D436-7933-D11C-6B43-A64CC57147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6B5DA8-4DF3-4B44-638F-0E29EE4687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4CBDB88-9B6C-0EF7-ECF1-159E71038E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82693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543A92-245F-4577-7419-4E1430A77A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D8844A-2D78-FA3D-39F4-CCCE29807B8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A42DD82-B3C2-3049-9F5A-92BE92A2AC6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C2D56E-7147-29FE-C269-26B134F6CB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D015015-D21A-91A4-D0E1-88A497B4C0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6E36860-4303-1FCA-B530-EB87379250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19571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3B7DB5-E841-67B0-8959-B5AAFB2770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9F38EC3-A060-C2D7-548F-E2CFD4F84DB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085631C-D870-913F-2B8A-363D54A479B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4615744-D91C-B11E-6D4B-4BE175F0EC2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DC2D98F-9428-76E9-3B19-5A52AB8EC8D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74EF1FD-A98D-B16E-A15B-0574231C8D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91ED268-37F1-A034-E48A-C1C4D54BC5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2B973ED-C941-CA69-F081-24BB3B8F82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53749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D3D261-7CC9-7672-3562-4515E10E34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2E73D39-0151-EAC6-447F-AFEAD77B3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E7787BA-7CD8-904E-B87A-46FA69850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98456C-3FA0-BC83-D768-63BE831BBB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20895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3CB92A0-EC57-1A5C-36EF-504DF5C7B5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07AB32C-491A-3EFA-4C72-96FB61B35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FC50947-2515-CAD3-B5DF-28DE7F671B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97707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37324A-19A9-8D19-8EBC-804290DC0C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1D839C-8A50-F9BE-21B1-ED11EBBB778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6FEB3C3-3868-6391-16B6-76A65FB20F8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52B1EE5-698D-7254-BDA4-32042EA63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38A43E4-69A4-B038-4F47-F15B3520F1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81F8FB-4F6B-E68E-A35B-050B09B2A9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350052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3340BB-6C68-6D10-E25A-2DDE65D905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5C4589B-9B2F-A3FC-0272-9946E9677E0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34D34F9-3321-ECE4-B746-1B66A481E9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34BB688-3926-450B-54BE-9E57C33CCE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C02C51F-5500-B8B8-6C9B-21E0AB91C3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D678875-2E9C-E5A8-7B86-11342DEB66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49990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5245B34-F77F-77FD-A9D7-ECDB5E0765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F0EA672-2249-4CFD-1185-47E4C0A418D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E34E1-D539-ACE6-BE9F-B9AE690606F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1E32DD2-9552-4F89-8D5F-194AA93CF8C0}" type="datetimeFigureOut">
              <a:rPr lang="en-US" smtClean="0"/>
              <a:t>03/0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D1D99A4-6388-3003-F676-87171B0616C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13DF55F-6BA3-3736-C78E-0E04B647F17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8852F287-70F5-408D-A161-D8631CA2A62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88770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279" Type="http://schemas.openxmlformats.org/officeDocument/2006/relationships/tags" Target="../tags/tag279.xml"/><Relationship Id="rId43" Type="http://schemas.openxmlformats.org/officeDocument/2006/relationships/tags" Target="../tags/tag43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108" Type="http://schemas.openxmlformats.org/officeDocument/2006/relationships/tags" Target="../tags/tag108.xml"/><Relationship Id="rId315" Type="http://schemas.openxmlformats.org/officeDocument/2006/relationships/tags" Target="../tags/tag315.xml"/><Relationship Id="rId54" Type="http://schemas.openxmlformats.org/officeDocument/2006/relationships/tags" Target="../tags/tag54.xml"/><Relationship Id="rId96" Type="http://schemas.openxmlformats.org/officeDocument/2006/relationships/tags" Target="../tags/tag96.xml"/><Relationship Id="rId161" Type="http://schemas.openxmlformats.org/officeDocument/2006/relationships/tags" Target="../tags/tag161.xml"/><Relationship Id="rId217" Type="http://schemas.openxmlformats.org/officeDocument/2006/relationships/tags" Target="../tags/tag217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65" Type="http://schemas.openxmlformats.org/officeDocument/2006/relationships/tags" Target="../tags/tag65.xml"/><Relationship Id="rId130" Type="http://schemas.openxmlformats.org/officeDocument/2006/relationships/tags" Target="../tags/tag130.xml"/><Relationship Id="rId172" Type="http://schemas.openxmlformats.org/officeDocument/2006/relationships/tags" Target="../tags/tag172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notesSlide" Target="../notesSlides/notesSlide1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image" Target="../media/image3.png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71" Type="http://schemas.openxmlformats.org/officeDocument/2006/relationships/tags" Target="../tags/tag171.xml"/><Relationship Id="rId227" Type="http://schemas.openxmlformats.org/officeDocument/2006/relationships/tags" Target="../tags/tag227.xml"/><Relationship Id="rId269" Type="http://schemas.openxmlformats.org/officeDocument/2006/relationships/tags" Target="../tags/tag269.xml"/><Relationship Id="rId33" Type="http://schemas.openxmlformats.org/officeDocument/2006/relationships/tags" Target="../tags/tag33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75" Type="http://schemas.openxmlformats.org/officeDocument/2006/relationships/tags" Target="../tags/tag75.xml"/><Relationship Id="rId140" Type="http://schemas.openxmlformats.org/officeDocument/2006/relationships/tags" Target="../tags/tag140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44" Type="http://schemas.openxmlformats.org/officeDocument/2006/relationships/tags" Target="../tags/tag44.xml"/><Relationship Id="rId86" Type="http://schemas.openxmlformats.org/officeDocument/2006/relationships/tags" Target="../tags/tag86.xml"/><Relationship Id="rId151" Type="http://schemas.openxmlformats.org/officeDocument/2006/relationships/tags" Target="../tags/tag151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49" Type="http://schemas.openxmlformats.org/officeDocument/2006/relationships/tags" Target="../tags/tag24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914FD63D-020E-CBF4-880D-CE2FFB5C61B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OTLSHAPE_SL2A_f9880855699a40a59b1fee61cec34a86_BackgroundRectangle">
            <a:extLst>
              <a:ext uri="{FF2B5EF4-FFF2-40B4-BE49-F238E27FC236}">
                <a16:creationId xmlns:a16="http://schemas.microsoft.com/office/drawing/2014/main" id="{C42F775E-A316-D684-CB34-FDC76915B5E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15008" y="1312657"/>
            <a:ext cx="10337800" cy="765387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1" name="OTLSHAPE_SL2A_e60349128e014cc092b12597e2fcaa04_BackgroundRectangle">
            <a:extLst>
              <a:ext uri="{FF2B5EF4-FFF2-40B4-BE49-F238E27FC236}">
                <a16:creationId xmlns:a16="http://schemas.microsoft.com/office/drawing/2014/main" id="{C6184827-CFA7-A9B7-C7C3-EEA3E64F030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15008" y="2116144"/>
            <a:ext cx="10337800" cy="601303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6" name="OTLSHAPE_SL2A_f440a37347c24d2182fedb3e630822fd_BackgroundRectangle">
            <a:extLst>
              <a:ext uri="{FF2B5EF4-FFF2-40B4-BE49-F238E27FC236}">
                <a16:creationId xmlns:a16="http://schemas.microsoft.com/office/drawing/2014/main" id="{A427859A-B14E-C006-2A9F-90E6C9067F0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15008" y="2755546"/>
            <a:ext cx="10337800" cy="610362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7" name="OTLSHAPE_SL2A_75746c2ec1e74f9b8459f0af77c4b3bf_BackgroundRectangle">
            <a:extLst>
              <a:ext uri="{FF2B5EF4-FFF2-40B4-BE49-F238E27FC236}">
                <a16:creationId xmlns:a16="http://schemas.microsoft.com/office/drawing/2014/main" id="{B36E55D1-6268-23AE-DF44-AACDADAD554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15008" y="3404008"/>
            <a:ext cx="10337800" cy="455337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8" name="OTLSHAPE_SL2A_813fbef2b5464fa2bfbf9770f7ab0a57_BackgroundRectangle">
            <a:extLst>
              <a:ext uri="{FF2B5EF4-FFF2-40B4-BE49-F238E27FC236}">
                <a16:creationId xmlns:a16="http://schemas.microsoft.com/office/drawing/2014/main" id="{785D7CF8-C0DD-4AF2-20C9-8CAAC126131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15008" y="3859345"/>
            <a:ext cx="10337800" cy="279400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0" name="OTLSHAPE_SL2A_c8706d3b6e804ed3997cc1ffa0d02747_BackgroundRectangle">
            <a:extLst>
              <a:ext uri="{FF2B5EF4-FFF2-40B4-BE49-F238E27FC236}">
                <a16:creationId xmlns:a16="http://schemas.microsoft.com/office/drawing/2014/main" id="{E5FA2124-6F19-8EA7-E763-D79D134F5AA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15008" y="4176845"/>
            <a:ext cx="10337800" cy="279400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2" name="OTLSHAPE_SL2A_1834e43a0db742d587155a0ade9e79b0_BackgroundRectangle">
            <a:extLst>
              <a:ext uri="{FF2B5EF4-FFF2-40B4-BE49-F238E27FC236}">
                <a16:creationId xmlns:a16="http://schemas.microsoft.com/office/drawing/2014/main" id="{0424A61E-EA8C-E319-E4E4-48C16BC873D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15008" y="4456245"/>
            <a:ext cx="10337800" cy="449919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7" name="OTLSHAPE_SL2A_b08a2ae6fb9e4bb7bb8c431af01b8a91_BackgroundRectangle">
            <a:extLst>
              <a:ext uri="{FF2B5EF4-FFF2-40B4-BE49-F238E27FC236}">
                <a16:creationId xmlns:a16="http://schemas.microsoft.com/office/drawing/2014/main" id="{0D171676-6A78-CB83-1CB5-C992834F1B9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15008" y="4944264"/>
            <a:ext cx="10337800" cy="455337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8" name="OTLSHAPE_SL2A_998b488336134195a164c9fd41c6cd78_BackgroundRectangle">
            <a:extLst>
              <a:ext uri="{FF2B5EF4-FFF2-40B4-BE49-F238E27FC236}">
                <a16:creationId xmlns:a16="http://schemas.microsoft.com/office/drawing/2014/main" id="{19F64D35-A688-1524-3BCC-42A739A225AF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15008" y="5399601"/>
            <a:ext cx="10337800" cy="279400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00" name="OTLSHAPE_SL2A_2c30bf5fee5e4740a8c621e4e098b6c8_BackgroundRectangle">
            <a:extLst>
              <a:ext uri="{FF2B5EF4-FFF2-40B4-BE49-F238E27FC236}">
                <a16:creationId xmlns:a16="http://schemas.microsoft.com/office/drawing/2014/main" id="{8D46E6E3-2A3C-07E0-0ADC-09C0E64F192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15008" y="5717101"/>
            <a:ext cx="10337800" cy="449919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5" name="OTLSHAPE_SL2A_df5301e8bd7a4f6cb070eb8a50726958_BackgroundRectangle">
            <a:extLst>
              <a:ext uri="{FF2B5EF4-FFF2-40B4-BE49-F238E27FC236}">
                <a16:creationId xmlns:a16="http://schemas.microsoft.com/office/drawing/2014/main" id="{F4E06FAE-37A7-4296-39C1-C832B81F253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15008" y="6205120"/>
            <a:ext cx="10337800" cy="506137"/>
          </a:xfrm>
          <a:prstGeom prst="rect">
            <a:avLst/>
          </a:prstGeom>
          <a:solidFill>
            <a:srgbClr val="1C242A">
              <a:alpha val="8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5" name="OTLSHAPE_SL_1cba2df647144b4ebd46623edbbf9f25_BackgroundRectangle" hidden="1">
            <a:extLst>
              <a:ext uri="{FF2B5EF4-FFF2-40B4-BE49-F238E27FC236}">
                <a16:creationId xmlns:a16="http://schemas.microsoft.com/office/drawing/2014/main" id="{DC0C6C24-924C-A3DD-89E0-9657F1E8BC6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312657"/>
            <a:ext cx="11290300" cy="76538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8" name="OTLSHAPE_SL_0a24a38f62fe4ee6bb51754e83af6ee5_BackgroundRectangle" hidden="1">
            <a:extLst>
              <a:ext uri="{FF2B5EF4-FFF2-40B4-BE49-F238E27FC236}">
                <a16:creationId xmlns:a16="http://schemas.microsoft.com/office/drawing/2014/main" id="{3A51E20E-E98B-37DC-1646-F5414062000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116144"/>
            <a:ext cx="11290300" cy="60130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1" name="OTLSHAPE_SL_091c9a81970e49d696f986aea9271c4b_BackgroundRectangle" hidden="1">
            <a:extLst>
              <a:ext uri="{FF2B5EF4-FFF2-40B4-BE49-F238E27FC236}">
                <a16:creationId xmlns:a16="http://schemas.microsoft.com/office/drawing/2014/main" id="{C950415E-A319-E3B7-3798-3B8F49C3638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755546"/>
            <a:ext cx="11290300" cy="610362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4" name="OTLSHAPE_SL_1df95afc8603471fba6f67b4d21516f9_BackgroundRectangle" hidden="1">
            <a:extLst>
              <a:ext uri="{FF2B5EF4-FFF2-40B4-BE49-F238E27FC236}">
                <a16:creationId xmlns:a16="http://schemas.microsoft.com/office/drawing/2014/main" id="{12B9318C-FE28-8871-ABFB-5A8F6BFCCE2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404008"/>
            <a:ext cx="11290300" cy="7347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" name="OTLSHAPE_SL_8fb4a6833c8949a9b77718a84a2780de_BackgroundRectangle" hidden="1">
            <a:extLst>
              <a:ext uri="{FF2B5EF4-FFF2-40B4-BE49-F238E27FC236}">
                <a16:creationId xmlns:a16="http://schemas.microsoft.com/office/drawing/2014/main" id="{A54F9127-B315-4882-DDDA-F48F4AF1271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176845"/>
            <a:ext cx="11290300" cy="729319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0" name="OTLSHAPE_SL_9aa15a9a6a7048b4ab05a308c1cf99b4_BackgroundRectangle" hidden="1">
            <a:extLst>
              <a:ext uri="{FF2B5EF4-FFF2-40B4-BE49-F238E27FC236}">
                <a16:creationId xmlns:a16="http://schemas.microsoft.com/office/drawing/2014/main" id="{1951EB41-5648-2862-C782-A1AFB869B7F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944264"/>
            <a:ext cx="11290300" cy="7347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2" name="OTLSHAPE_SL_e89dfd89e72e4cb98b9d55c753fa9c30_BackgroundRectangle" hidden="1">
            <a:extLst>
              <a:ext uri="{FF2B5EF4-FFF2-40B4-BE49-F238E27FC236}">
                <a16:creationId xmlns:a16="http://schemas.microsoft.com/office/drawing/2014/main" id="{2EB7C9F5-2E7E-51F9-CD9D-36944AF6E56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717101"/>
            <a:ext cx="11290300" cy="449919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3" name="OTLSHAPE_SL_ef16e286aa0a41ec9e32c240c83e3f39_BackgroundRectangle" hidden="1">
            <a:extLst>
              <a:ext uri="{FF2B5EF4-FFF2-40B4-BE49-F238E27FC236}">
                <a16:creationId xmlns:a16="http://schemas.microsoft.com/office/drawing/2014/main" id="{76D42DD6-71E8-249A-A203-3646B4940D8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6205120"/>
            <a:ext cx="11290300" cy="5061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F926EB4-C736-B65B-212E-7C5A2C5D807B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1474534" y="94300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 dirty="0">
                <a:ln>
                  <a:noFill/>
                </a:ln>
                <a:solidFill>
                  <a:srgbClr val="D19D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AE9A5C2-179D-287C-2D90-717CE0CB5DA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cxnSp>
        <p:nvCxnSpPr>
          <p:cNvPr id="225" name="OTLSHAPE_SL2AL_00000000000000000000000000000000_ShapeBelow0">
            <a:extLst>
              <a:ext uri="{FF2B5EF4-FFF2-40B4-BE49-F238E27FC236}">
                <a16:creationId xmlns:a16="http://schemas.microsoft.com/office/drawing/2014/main" id="{71E2039F-D603-118F-7821-A7E9A3AE415E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15009" y="3859345"/>
            <a:ext cx="10332527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SL2AL_00000000000000000000000000000000_ShapeBelow1">
            <a:extLst>
              <a:ext uri="{FF2B5EF4-FFF2-40B4-BE49-F238E27FC236}">
                <a16:creationId xmlns:a16="http://schemas.microsoft.com/office/drawing/2014/main" id="{FAF823D8-4630-E6AB-8D1C-A1FAE23354FD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15009" y="4456245"/>
            <a:ext cx="10332527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SL2AL_00000000000000000000000000000000_ShapeBelow2">
            <a:extLst>
              <a:ext uri="{FF2B5EF4-FFF2-40B4-BE49-F238E27FC236}">
                <a16:creationId xmlns:a16="http://schemas.microsoft.com/office/drawing/2014/main" id="{FEA957AA-EA78-8A8C-9926-A2680DA2FA7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15009" y="5399601"/>
            <a:ext cx="10332527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31" name="OTLSHAPE_TB_00000000000000000000000000000000_ScaleContainer">
            <a:extLst>
              <a:ext uri="{FF2B5EF4-FFF2-40B4-BE49-F238E27FC236}">
                <a16:creationId xmlns:a16="http://schemas.microsoft.com/office/drawing/2014/main" id="{683589AC-7045-EF96-A294-D3139ED61EA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901043" y="890509"/>
            <a:ext cx="9448800" cy="182880"/>
          </a:xfrm>
          <a:prstGeom prst="round2SameRect">
            <a:avLst/>
          </a:prstGeom>
          <a:solidFill>
            <a:srgbClr val="D8D8D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0" name="OTLSHAPE_SL_1cba2df647144b4ebd46623edbbf9f25_HeaderRectangle">
            <a:extLst>
              <a:ext uri="{FF2B5EF4-FFF2-40B4-BE49-F238E27FC236}">
                <a16:creationId xmlns:a16="http://schemas.microsoft.com/office/drawing/2014/main" id="{AEADD87F-AE14-7A0D-4D4D-D6202C9D562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1312657"/>
            <a:ext cx="952500" cy="765387"/>
          </a:xfrm>
          <a:prstGeom prst="rect">
            <a:avLst/>
          </a:prstGeom>
          <a:solidFill>
            <a:srgbClr val="303C46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3" name="OTLSHAPE_SL_0a24a38f62fe4ee6bb51754e83af6ee5_HeaderRectangle">
            <a:extLst>
              <a:ext uri="{FF2B5EF4-FFF2-40B4-BE49-F238E27FC236}">
                <a16:creationId xmlns:a16="http://schemas.microsoft.com/office/drawing/2014/main" id="{D5ED6C46-7D3C-5700-C63F-329228C5189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2116144"/>
            <a:ext cx="952500" cy="601303"/>
          </a:xfrm>
          <a:prstGeom prst="rect">
            <a:avLst/>
          </a:prstGeom>
          <a:solidFill>
            <a:srgbClr val="303C46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6" name="OTLSHAPE_SL_091c9a81970e49d696f986aea9271c4b_HeaderRectangle">
            <a:extLst>
              <a:ext uri="{FF2B5EF4-FFF2-40B4-BE49-F238E27FC236}">
                <a16:creationId xmlns:a16="http://schemas.microsoft.com/office/drawing/2014/main" id="{04B80577-9BFB-6A8F-087D-E6BCB27580F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500" y="2755546"/>
            <a:ext cx="952500" cy="610362"/>
          </a:xfrm>
          <a:prstGeom prst="rect">
            <a:avLst/>
          </a:prstGeom>
          <a:solidFill>
            <a:srgbClr val="303C46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9" name="OTLSHAPE_SL_1df95afc8603471fba6f67b4d21516f9_HeaderRectangle">
            <a:extLst>
              <a:ext uri="{FF2B5EF4-FFF2-40B4-BE49-F238E27FC236}">
                <a16:creationId xmlns:a16="http://schemas.microsoft.com/office/drawing/2014/main" id="{6F81109A-BB46-C3C9-8099-033FF05E202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00" y="3404008"/>
            <a:ext cx="952500" cy="734737"/>
          </a:xfrm>
          <a:prstGeom prst="rect">
            <a:avLst/>
          </a:prstGeom>
          <a:solidFill>
            <a:srgbClr val="303C46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2" name="OTLSHAPE_SL_8fb4a6833c8949a9b77718a84a2780de_HeaderRectangle">
            <a:extLst>
              <a:ext uri="{FF2B5EF4-FFF2-40B4-BE49-F238E27FC236}">
                <a16:creationId xmlns:a16="http://schemas.microsoft.com/office/drawing/2014/main" id="{11AC0E06-907D-AF52-77B8-347682A8F33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500" y="4176845"/>
            <a:ext cx="952500" cy="729319"/>
          </a:xfrm>
          <a:prstGeom prst="rect">
            <a:avLst/>
          </a:prstGeom>
          <a:solidFill>
            <a:srgbClr val="303C46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5" name="OTLSHAPE_SL_9aa15a9a6a7048b4ab05a308c1cf99b4_HeaderRectangle">
            <a:extLst>
              <a:ext uri="{FF2B5EF4-FFF2-40B4-BE49-F238E27FC236}">
                <a16:creationId xmlns:a16="http://schemas.microsoft.com/office/drawing/2014/main" id="{F1FE5379-B003-762C-98D6-26BB6508A57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500" y="4944264"/>
            <a:ext cx="952500" cy="734737"/>
          </a:xfrm>
          <a:prstGeom prst="rect">
            <a:avLst/>
          </a:prstGeom>
          <a:solidFill>
            <a:srgbClr val="303C46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8" name="OTLSHAPE_SL_e89dfd89e72e4cb98b9d55c753fa9c30_HeaderRectangle">
            <a:extLst>
              <a:ext uri="{FF2B5EF4-FFF2-40B4-BE49-F238E27FC236}">
                <a16:creationId xmlns:a16="http://schemas.microsoft.com/office/drawing/2014/main" id="{9776B5D8-E0D8-6F12-7294-787B80C2833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500" y="5717101"/>
            <a:ext cx="952500" cy="449919"/>
          </a:xfrm>
          <a:prstGeom prst="rect">
            <a:avLst/>
          </a:prstGeom>
          <a:solidFill>
            <a:srgbClr val="303C46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1" name="OTLSHAPE_SL_ef16e286aa0a41ec9e32c240c83e3f39_HeaderRectangle">
            <a:extLst>
              <a:ext uri="{FF2B5EF4-FFF2-40B4-BE49-F238E27FC236}">
                <a16:creationId xmlns:a16="http://schemas.microsoft.com/office/drawing/2014/main" id="{37EBB389-3A29-5D70-F33B-FF85412EF72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3500" y="6205120"/>
            <a:ext cx="952500" cy="506137"/>
          </a:xfrm>
          <a:prstGeom prst="rect">
            <a:avLst/>
          </a:prstGeom>
          <a:solidFill>
            <a:srgbClr val="303C46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8" name="OTLSHAPE_SL2A_f9880855699a40a59b1fee61cec34a86_HeaderRectangle">
            <a:extLst>
              <a:ext uri="{FF2B5EF4-FFF2-40B4-BE49-F238E27FC236}">
                <a16:creationId xmlns:a16="http://schemas.microsoft.com/office/drawing/2014/main" id="{5E730BF9-89D6-D876-EC5A-625C837681E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15008" y="1312657"/>
            <a:ext cx="762000" cy="765387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9" name="OTLSHAPE_SL2A_e60349128e014cc092b12597e2fcaa04_HeaderRectangle">
            <a:extLst>
              <a:ext uri="{FF2B5EF4-FFF2-40B4-BE49-F238E27FC236}">
                <a16:creationId xmlns:a16="http://schemas.microsoft.com/office/drawing/2014/main" id="{C27684AB-17B8-5DEF-8D6A-D66F7E13D45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15008" y="2116144"/>
            <a:ext cx="762000" cy="601303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4" name="OTLSHAPE_SL2A_f440a37347c24d2182fedb3e630822fd_HeaderRectangle">
            <a:extLst>
              <a:ext uri="{FF2B5EF4-FFF2-40B4-BE49-F238E27FC236}">
                <a16:creationId xmlns:a16="http://schemas.microsoft.com/office/drawing/2014/main" id="{DF0726AA-C509-3261-884E-3141E55210B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15008" y="2755546"/>
            <a:ext cx="762000" cy="610362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5" name="OTLSHAPE_SL2A_75746c2ec1e74f9b8459f0af77c4b3bf_HeaderRectangle">
            <a:extLst>
              <a:ext uri="{FF2B5EF4-FFF2-40B4-BE49-F238E27FC236}">
                <a16:creationId xmlns:a16="http://schemas.microsoft.com/office/drawing/2014/main" id="{8AA6801F-9D33-E5B8-6081-EAB1BDEC34A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15008" y="3404008"/>
            <a:ext cx="762000" cy="455337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6" name="OTLSHAPE_SL2A_813fbef2b5464fa2bfbf9770f7ab0a57_HeaderRectangle">
            <a:extLst>
              <a:ext uri="{FF2B5EF4-FFF2-40B4-BE49-F238E27FC236}">
                <a16:creationId xmlns:a16="http://schemas.microsoft.com/office/drawing/2014/main" id="{78C817E1-B7BC-546D-6330-8D27DA366B1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15008" y="3859345"/>
            <a:ext cx="762000" cy="279400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8" name="OTLSHAPE_SL2A_c8706d3b6e804ed3997cc1ffa0d02747_HeaderRectangle">
            <a:extLst>
              <a:ext uri="{FF2B5EF4-FFF2-40B4-BE49-F238E27FC236}">
                <a16:creationId xmlns:a16="http://schemas.microsoft.com/office/drawing/2014/main" id="{18C02FB8-2FA6-8F71-DD81-2C5CF5DE4CC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15008" y="4176845"/>
            <a:ext cx="762000" cy="279400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0" name="OTLSHAPE_SL2A_1834e43a0db742d587155a0ade9e79b0_HeaderRectangle">
            <a:extLst>
              <a:ext uri="{FF2B5EF4-FFF2-40B4-BE49-F238E27FC236}">
                <a16:creationId xmlns:a16="http://schemas.microsoft.com/office/drawing/2014/main" id="{15339496-A586-0F89-FFA4-C2D85BB076D5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15008" y="4456245"/>
            <a:ext cx="762000" cy="449919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5" name="OTLSHAPE_SL2A_b08a2ae6fb9e4bb7bb8c431af01b8a91_HeaderRectangle">
            <a:extLst>
              <a:ext uri="{FF2B5EF4-FFF2-40B4-BE49-F238E27FC236}">
                <a16:creationId xmlns:a16="http://schemas.microsoft.com/office/drawing/2014/main" id="{307F3903-E51E-94CE-0BD8-3E984BC487A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15008" y="4944264"/>
            <a:ext cx="762000" cy="455337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6" name="OTLSHAPE_SL2A_998b488336134195a164c9fd41c6cd78_HeaderRectangle">
            <a:extLst>
              <a:ext uri="{FF2B5EF4-FFF2-40B4-BE49-F238E27FC236}">
                <a16:creationId xmlns:a16="http://schemas.microsoft.com/office/drawing/2014/main" id="{90659924-0698-37D4-D687-B18D3051087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15008" y="5399601"/>
            <a:ext cx="762000" cy="279400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98" name="OTLSHAPE_SL2A_2c30bf5fee5e4740a8c621e4e098b6c8_HeaderRectangle">
            <a:extLst>
              <a:ext uri="{FF2B5EF4-FFF2-40B4-BE49-F238E27FC236}">
                <a16:creationId xmlns:a16="http://schemas.microsoft.com/office/drawing/2014/main" id="{BD1187CA-260C-FE19-F5AF-098132B4163A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15008" y="5717101"/>
            <a:ext cx="762000" cy="449919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3" name="OTLSHAPE_SL2A_df5301e8bd7a4f6cb070eb8a50726958_HeaderRectangle">
            <a:extLst>
              <a:ext uri="{FF2B5EF4-FFF2-40B4-BE49-F238E27FC236}">
                <a16:creationId xmlns:a16="http://schemas.microsoft.com/office/drawing/2014/main" id="{1D3A9B0B-D4F6-AC2A-A7BE-297C4AB9035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15008" y="6205120"/>
            <a:ext cx="762000" cy="506137"/>
          </a:xfrm>
          <a:prstGeom prst="rect">
            <a:avLst/>
          </a:prstGeom>
          <a:solidFill>
            <a:srgbClr val="435361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32" name="OTLSHAPE_TB_00000000000000000000000000000000_MiddleScaleContainer">
            <a:extLst>
              <a:ext uri="{FF2B5EF4-FFF2-40B4-BE49-F238E27FC236}">
                <a16:creationId xmlns:a16="http://schemas.microsoft.com/office/drawing/2014/main" id="{5E0E1AB6-4C41-B6AB-4396-2F0A94EC11C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901043" y="1082533"/>
            <a:ext cx="94488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D8D8D8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FAD697DD-307D-EBBD-4F0D-F886D04AF8B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901043" y="890509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cxnSp>
        <p:nvCxnSpPr>
          <p:cNvPr id="43" name="OTLSHAPE_G_00000000000000000000000000000000_ShapeBelow0">
            <a:extLst>
              <a:ext uri="{FF2B5EF4-FFF2-40B4-BE49-F238E27FC236}">
                <a16:creationId xmlns:a16="http://schemas.microsoft.com/office/drawing/2014/main" id="{7FF6D1FA-2149-0C19-9F65-532EFE7F5252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2264369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OTLSHAPE_G_00000000000000000000000000000000_ShapeBelow1">
            <a:extLst>
              <a:ext uri="{FF2B5EF4-FFF2-40B4-BE49-F238E27FC236}">
                <a16:creationId xmlns:a16="http://schemas.microsoft.com/office/drawing/2014/main" id="{B2A3FEA9-6C59-CCC4-487D-0BDE94EEBEB9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2627695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2">
            <a:extLst>
              <a:ext uri="{FF2B5EF4-FFF2-40B4-BE49-F238E27FC236}">
                <a16:creationId xmlns:a16="http://schemas.microsoft.com/office/drawing/2014/main" id="{3056BEC2-DC1D-1FF0-E5B3-60716F68A01A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2991022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3">
            <a:extLst>
              <a:ext uri="{FF2B5EF4-FFF2-40B4-BE49-F238E27FC236}">
                <a16:creationId xmlns:a16="http://schemas.microsoft.com/office/drawing/2014/main" id="{F32C3396-BCB3-E2D8-8573-F887EC0304C2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3354349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4">
            <a:extLst>
              <a:ext uri="{FF2B5EF4-FFF2-40B4-BE49-F238E27FC236}">
                <a16:creationId xmlns:a16="http://schemas.microsoft.com/office/drawing/2014/main" id="{2A0EF164-B4BE-0B52-89B1-67637849C8C7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717675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G_00000000000000000000000000000000_ShapeBelow5">
            <a:extLst>
              <a:ext uri="{FF2B5EF4-FFF2-40B4-BE49-F238E27FC236}">
                <a16:creationId xmlns:a16="http://schemas.microsoft.com/office/drawing/2014/main" id="{73368BD5-E18E-9D92-57A2-74FDB0EA9DA0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4081002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G_00000000000000000000000000000000_ShapeBelow6">
            <a:extLst>
              <a:ext uri="{FF2B5EF4-FFF2-40B4-BE49-F238E27FC236}">
                <a16:creationId xmlns:a16="http://schemas.microsoft.com/office/drawing/2014/main" id="{0E105B63-25FD-122B-A62F-93133EF6B1E8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4444329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G_00000000000000000000000000000000_ShapeBelow7">
            <a:extLst>
              <a:ext uri="{FF2B5EF4-FFF2-40B4-BE49-F238E27FC236}">
                <a16:creationId xmlns:a16="http://schemas.microsoft.com/office/drawing/2014/main" id="{15640D6B-3D5E-AA82-CA91-512E158E8687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4807655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G_00000000000000000000000000000000_ShapeBelow8">
            <a:extLst>
              <a:ext uri="{FF2B5EF4-FFF2-40B4-BE49-F238E27FC236}">
                <a16:creationId xmlns:a16="http://schemas.microsoft.com/office/drawing/2014/main" id="{566EDA60-BA3F-11C1-20E2-3E00AC0390C4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5170982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G_00000000000000000000000000000000_ShapeBelow9">
            <a:extLst>
              <a:ext uri="{FF2B5EF4-FFF2-40B4-BE49-F238E27FC236}">
                <a16:creationId xmlns:a16="http://schemas.microsoft.com/office/drawing/2014/main" id="{2497D487-D6A0-D0D5-EA78-7D15CDEA806F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5534308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G_00000000000000000000000000000000_ShapeBelow10">
            <a:extLst>
              <a:ext uri="{FF2B5EF4-FFF2-40B4-BE49-F238E27FC236}">
                <a16:creationId xmlns:a16="http://schemas.microsoft.com/office/drawing/2014/main" id="{B4A880A6-C990-FF3F-5EB4-E7CEDA6093E0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897635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G_00000000000000000000000000000000_ShapeBelow11">
            <a:extLst>
              <a:ext uri="{FF2B5EF4-FFF2-40B4-BE49-F238E27FC236}">
                <a16:creationId xmlns:a16="http://schemas.microsoft.com/office/drawing/2014/main" id="{2B925B08-E5EC-48AC-95B3-FE7FCD98FB80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6260962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G_00000000000000000000000000000000_ShapeBelow12">
            <a:extLst>
              <a:ext uri="{FF2B5EF4-FFF2-40B4-BE49-F238E27FC236}">
                <a16:creationId xmlns:a16="http://schemas.microsoft.com/office/drawing/2014/main" id="{F0136578-F06D-5B61-4AB8-1EA252D44C30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6624289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G_00000000000000000000000000000000_ShapeBelow13">
            <a:extLst>
              <a:ext uri="{FF2B5EF4-FFF2-40B4-BE49-F238E27FC236}">
                <a16:creationId xmlns:a16="http://schemas.microsoft.com/office/drawing/2014/main" id="{5BA81AA8-FCFE-4FA9-A6C5-E3DEA35AF9ED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6987615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G_00000000000000000000000000000000_ShapeBelow14">
            <a:extLst>
              <a:ext uri="{FF2B5EF4-FFF2-40B4-BE49-F238E27FC236}">
                <a16:creationId xmlns:a16="http://schemas.microsoft.com/office/drawing/2014/main" id="{8A21C3EA-0573-E220-9488-2206180D75A7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350942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G_00000000000000000000000000000000_ShapeBelow15">
            <a:extLst>
              <a:ext uri="{FF2B5EF4-FFF2-40B4-BE49-F238E27FC236}">
                <a16:creationId xmlns:a16="http://schemas.microsoft.com/office/drawing/2014/main" id="{BA0F9236-0BCC-FE3E-C5BA-72AF8C45CDF4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7714269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G_00000000000000000000000000000000_ShapeBelow16">
            <a:extLst>
              <a:ext uri="{FF2B5EF4-FFF2-40B4-BE49-F238E27FC236}">
                <a16:creationId xmlns:a16="http://schemas.microsoft.com/office/drawing/2014/main" id="{BD630388-7ED9-5F83-ED3E-01D01D13BC4B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8077595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G_00000000000000000000000000000000_ShapeBelow17">
            <a:extLst>
              <a:ext uri="{FF2B5EF4-FFF2-40B4-BE49-F238E27FC236}">
                <a16:creationId xmlns:a16="http://schemas.microsoft.com/office/drawing/2014/main" id="{D6BF673B-6967-7165-ED47-ED8AE570113F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8440921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G_00000000000000000000000000000000_ShapeBelow18">
            <a:extLst>
              <a:ext uri="{FF2B5EF4-FFF2-40B4-BE49-F238E27FC236}">
                <a16:creationId xmlns:a16="http://schemas.microsoft.com/office/drawing/2014/main" id="{8A6A9E92-9160-E77A-C1E9-C11A8DD0475A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8804248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G_00000000000000000000000000000000_ShapeBelow19">
            <a:extLst>
              <a:ext uri="{FF2B5EF4-FFF2-40B4-BE49-F238E27FC236}">
                <a16:creationId xmlns:a16="http://schemas.microsoft.com/office/drawing/2014/main" id="{B2F18E48-D016-0C2F-D274-D57188178551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9167575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G_00000000000000000000000000000000_ShapeBelow20">
            <a:extLst>
              <a:ext uri="{FF2B5EF4-FFF2-40B4-BE49-F238E27FC236}">
                <a16:creationId xmlns:a16="http://schemas.microsoft.com/office/drawing/2014/main" id="{F006A2E0-EF8E-0350-D7C9-C39C8F957F0E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9530901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G_00000000000000000000000000000000_ShapeBelow21">
            <a:extLst>
              <a:ext uri="{FF2B5EF4-FFF2-40B4-BE49-F238E27FC236}">
                <a16:creationId xmlns:a16="http://schemas.microsoft.com/office/drawing/2014/main" id="{37DC49DB-AE36-0655-2BBC-61B6D4C5DE8F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9894228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22">
            <a:extLst>
              <a:ext uri="{FF2B5EF4-FFF2-40B4-BE49-F238E27FC236}">
                <a16:creationId xmlns:a16="http://schemas.microsoft.com/office/drawing/2014/main" id="{3BE05FD1-57EB-8F40-C319-B23BA31036D7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0257555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23">
            <a:extLst>
              <a:ext uri="{FF2B5EF4-FFF2-40B4-BE49-F238E27FC236}">
                <a16:creationId xmlns:a16="http://schemas.microsoft.com/office/drawing/2014/main" id="{24388F51-D4EA-E804-231E-578B66C86E37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10620881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24">
            <a:extLst>
              <a:ext uri="{FF2B5EF4-FFF2-40B4-BE49-F238E27FC236}">
                <a16:creationId xmlns:a16="http://schemas.microsoft.com/office/drawing/2014/main" id="{E40A89B4-0B9C-ADB9-26E0-2A320ED7D19A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10984208" y="1274558"/>
            <a:ext cx="0" cy="543670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1" name="OTLSHAPE_SLT_be22d075298b471daa3f3808728e11d0_Shape">
            <a:extLst>
              <a:ext uri="{FF2B5EF4-FFF2-40B4-BE49-F238E27FC236}">
                <a16:creationId xmlns:a16="http://schemas.microsoft.com/office/drawing/2014/main" id="{C560DFB3-275D-9480-7EA3-C25C9E7835E4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901043" y="1372516"/>
            <a:ext cx="1651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0" name="OTLSHAPE_SLT_36adbc561f734ca7b4dc259e243f02ed_Shape">
            <a:extLst>
              <a:ext uri="{FF2B5EF4-FFF2-40B4-BE49-F238E27FC236}">
                <a16:creationId xmlns:a16="http://schemas.microsoft.com/office/drawing/2014/main" id="{9E8780A2-29A0-22ED-D9C7-15DC516A6D01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2056754" y="1729894"/>
            <a:ext cx="571500" cy="139531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2" name="OTLSHAPE_SLT_2868068b7eb64c58a3696756ce46f82d_Shape">
            <a:extLst>
              <a:ext uri="{FF2B5EF4-FFF2-40B4-BE49-F238E27FC236}">
                <a16:creationId xmlns:a16="http://schemas.microsoft.com/office/drawing/2014/main" id="{292F0D87-7D93-986E-2777-7A15A4E91B94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2420081" y="2375562"/>
            <a:ext cx="2159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7" name="OTLSHAPE_SLT_553db94ed75440bf8c176eac25853850_Shape">
            <a:extLst>
              <a:ext uri="{FF2B5EF4-FFF2-40B4-BE49-F238E27FC236}">
                <a16:creationId xmlns:a16="http://schemas.microsoft.com/office/drawing/2014/main" id="{8A2A64B0-0F75-3337-0CAE-529F579593A4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2420081" y="2948671"/>
            <a:ext cx="8382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6" name="OTLSHAPE_SLT_a2e7a74eae8c496da5a2f63955b0f273_Shape">
            <a:extLst>
              <a:ext uri="{FF2B5EF4-FFF2-40B4-BE49-F238E27FC236}">
                <a16:creationId xmlns:a16="http://schemas.microsoft.com/office/drawing/2014/main" id="{1E3B16F8-812B-18B6-8E36-271CBA2A1618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198638" y="3179049"/>
            <a:ext cx="8382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8" name="OTLSHAPE_SLT_0aa0556c428041439074d15b468aa89e_Shape">
            <a:extLst>
              <a:ext uri="{FF2B5EF4-FFF2-40B4-BE49-F238E27FC236}">
                <a16:creationId xmlns:a16="http://schemas.microsoft.com/office/drawing/2014/main" id="{BB888108-0F5C-ABA6-7771-B8B4E568D448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510061" y="3463868"/>
            <a:ext cx="7874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7" name="OTLSHAPE_SLT_0bd20d123c2d47d2b52de2e27184fb4b_Shape">
            <a:extLst>
              <a:ext uri="{FF2B5EF4-FFF2-40B4-BE49-F238E27FC236}">
                <a16:creationId xmlns:a16="http://schemas.microsoft.com/office/drawing/2014/main" id="{45F43CF5-F592-5F3E-5A18-67EFA36CA002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3717676" y="3666221"/>
            <a:ext cx="571500" cy="139531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9" name="OTLSHAPE_SLT_17ef602d8fe04ab08020564b09f66c51_Shape">
            <a:extLst>
              <a:ext uri="{FF2B5EF4-FFF2-40B4-BE49-F238E27FC236}">
                <a16:creationId xmlns:a16="http://schemas.microsoft.com/office/drawing/2014/main" id="{F84F3081-10C0-AF9B-7E45-0E21A4EB0DFC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3977195" y="3919205"/>
            <a:ext cx="5715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1" name="OTLSHAPE_SLT_81d966d7ebeb4b5ba65c9413d3b4a59a_Shape">
            <a:extLst>
              <a:ext uri="{FF2B5EF4-FFF2-40B4-BE49-F238E27FC236}">
                <a16:creationId xmlns:a16="http://schemas.microsoft.com/office/drawing/2014/main" id="{962C5F15-A10D-E547-9C07-BF5DE11612A6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067175" y="4230439"/>
            <a:ext cx="787400" cy="139531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3" name="OTLSHAPE_SLT_6714b4d26f4941349dbee033f317c7b0_Shape">
            <a:extLst>
              <a:ext uri="{FF2B5EF4-FFF2-40B4-BE49-F238E27FC236}">
                <a16:creationId xmlns:a16="http://schemas.microsoft.com/office/drawing/2014/main" id="{7817E5D6-42E2-1BD0-92A4-2F1C604F1A9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793828" y="4715664"/>
            <a:ext cx="9398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8" name="OTLSHAPE_SLT_6107c100515b4555a00e37bcc3766c71_Shape">
            <a:extLst>
              <a:ext uri="{FF2B5EF4-FFF2-40B4-BE49-F238E27FC236}">
                <a16:creationId xmlns:a16="http://schemas.microsoft.com/office/drawing/2014/main" id="{7FC83E1E-5DB4-5AD5-6F72-3508572846B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6676192" y="5004124"/>
            <a:ext cx="7874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7" name="OTLSHAPE_SLT_fdb078ea4dba4720af72d64d9176e36e_Shape">
            <a:extLst>
              <a:ext uri="{FF2B5EF4-FFF2-40B4-BE49-F238E27FC236}">
                <a16:creationId xmlns:a16="http://schemas.microsoft.com/office/drawing/2014/main" id="{9C2CF3C3-DD2B-9448-E55E-ECE5D0C54ED9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7143327" y="5212742"/>
            <a:ext cx="5715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9" name="OTLSHAPE_SLT_4bd86f79fe1b4448af616dfaccd0064d_Shape">
            <a:extLst>
              <a:ext uri="{FF2B5EF4-FFF2-40B4-BE49-F238E27FC236}">
                <a16:creationId xmlns:a16="http://schemas.microsoft.com/office/drawing/2014/main" id="{0A74FF57-119B-528F-72DA-7BEF9DFBCF58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7558557" y="5453195"/>
            <a:ext cx="520700" cy="139531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01" name="OTLSHAPE_SLT_4a0d7f7cf92a45289ae48e6b0807740f_Shape">
            <a:extLst>
              <a:ext uri="{FF2B5EF4-FFF2-40B4-BE49-F238E27FC236}">
                <a16:creationId xmlns:a16="http://schemas.microsoft.com/office/drawing/2014/main" id="{88C41E0A-5DC7-D5DF-549A-024C7FC30512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8233307" y="5976520"/>
            <a:ext cx="787400" cy="127000"/>
          </a:xfrm>
          <a:prstGeom prst="roundRect">
            <a:avLst/>
          </a:prstGeom>
          <a:solidFill>
            <a:srgbClr val="CFD4D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" name="OTLSHAPE_TB_00000000000000000000000000000000_ElapsedTime" hidden="1">
            <a:extLst>
              <a:ext uri="{FF2B5EF4-FFF2-40B4-BE49-F238E27FC236}">
                <a16:creationId xmlns:a16="http://schemas.microsoft.com/office/drawing/2014/main" id="{0861EFF1-DDA0-ECA9-CC66-BF60C11947A4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901043" y="890509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4" name="OTLSHAPE_SLT_be22d075298b471daa3f3808728e11d0_ShapePercentage" hidden="1">
            <a:extLst>
              <a:ext uri="{FF2B5EF4-FFF2-40B4-BE49-F238E27FC236}">
                <a16:creationId xmlns:a16="http://schemas.microsoft.com/office/drawing/2014/main" id="{E4D3F856-08A7-6351-317E-78E208B94A77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901043" y="137251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4" name="OTLSHAPE_SLT_36adbc561f734ca7b4dc259e243f02ed_ShapePercentage" hidden="1">
            <a:extLst>
              <a:ext uri="{FF2B5EF4-FFF2-40B4-BE49-F238E27FC236}">
                <a16:creationId xmlns:a16="http://schemas.microsoft.com/office/drawing/2014/main" id="{97F17985-8D4D-E577-EE00-E42B0CCAD05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2056754" y="172989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7" name="OTLSHAPE_SLT_2868068b7eb64c58a3696756ce46f82d_ShapePercentage" hidden="1">
            <a:extLst>
              <a:ext uri="{FF2B5EF4-FFF2-40B4-BE49-F238E27FC236}">
                <a16:creationId xmlns:a16="http://schemas.microsoft.com/office/drawing/2014/main" id="{570FD9A3-9C84-8938-96FA-E9FD50C4DBC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2420081" y="237556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2" name="OTLSHAPE_SLT_553db94ed75440bf8c176eac25853850_ShapePercentage" hidden="1">
            <a:extLst>
              <a:ext uri="{FF2B5EF4-FFF2-40B4-BE49-F238E27FC236}">
                <a16:creationId xmlns:a16="http://schemas.microsoft.com/office/drawing/2014/main" id="{DBE3B236-AA29-1408-6AE2-53FDF22F2BCB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2420081" y="294867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4" name="OTLSHAPE_SLT_a2e7a74eae8c496da5a2f63955b0f273_ShapePercentage" hidden="1">
            <a:extLst>
              <a:ext uri="{FF2B5EF4-FFF2-40B4-BE49-F238E27FC236}">
                <a16:creationId xmlns:a16="http://schemas.microsoft.com/office/drawing/2014/main" id="{8BD68CEB-2CD4-0363-2191-0C1451C56DB3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3198638" y="317904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8" name="OTLSHAPE_SLT_0aa0556c428041439074d15b468aa89e_ShapePercentage" hidden="1">
            <a:extLst>
              <a:ext uri="{FF2B5EF4-FFF2-40B4-BE49-F238E27FC236}">
                <a16:creationId xmlns:a16="http://schemas.microsoft.com/office/drawing/2014/main" id="{946F680B-A979-61B0-1D12-580864E8E716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3510061" y="346386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1" name="OTLSHAPE_SLT_0bd20d123c2d47d2b52de2e27184fb4b_ShapePercentage" hidden="1">
            <a:extLst>
              <a:ext uri="{FF2B5EF4-FFF2-40B4-BE49-F238E27FC236}">
                <a16:creationId xmlns:a16="http://schemas.microsoft.com/office/drawing/2014/main" id="{22F32C3C-BD08-BB4F-7E80-AFD089C9F249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3717676" y="366622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4" name="OTLSHAPE_SLT_17ef602d8fe04ab08020564b09f66c51_ShapePercentage" hidden="1">
            <a:extLst>
              <a:ext uri="{FF2B5EF4-FFF2-40B4-BE49-F238E27FC236}">
                <a16:creationId xmlns:a16="http://schemas.microsoft.com/office/drawing/2014/main" id="{FCE4810E-E3B5-DFFD-3A0C-FC7A61083C51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3977195" y="391920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7" name="OTLSHAPE_SLT_81d966d7ebeb4b5ba65c9413d3b4a59a_ShapePercentage" hidden="1">
            <a:extLst>
              <a:ext uri="{FF2B5EF4-FFF2-40B4-BE49-F238E27FC236}">
                <a16:creationId xmlns:a16="http://schemas.microsoft.com/office/drawing/2014/main" id="{5BE5D72C-D342-9662-8760-DA31A80D66D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5067175" y="423043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0" name="OTLSHAPE_SLT_6714b4d26f4941349dbee033f317c7b0_ShapePercentage" hidden="1">
            <a:extLst>
              <a:ext uri="{FF2B5EF4-FFF2-40B4-BE49-F238E27FC236}">
                <a16:creationId xmlns:a16="http://schemas.microsoft.com/office/drawing/2014/main" id="{10E2B860-314F-1FE7-0089-CD5226FA6D7C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5793828" y="471566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2" name="OTLSHAPE_SLT_6107c100515b4555a00e37bcc3766c71_ShapePercentage" hidden="1">
            <a:extLst>
              <a:ext uri="{FF2B5EF4-FFF2-40B4-BE49-F238E27FC236}">
                <a16:creationId xmlns:a16="http://schemas.microsoft.com/office/drawing/2014/main" id="{43974FAC-0408-1D80-32A4-E234D0833595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676192" y="500412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97" name="OTLSHAPE_SLT_fdb078ea4dba4720af72d64d9176e36e_ShapePercentage" hidden="1">
            <a:extLst>
              <a:ext uri="{FF2B5EF4-FFF2-40B4-BE49-F238E27FC236}">
                <a16:creationId xmlns:a16="http://schemas.microsoft.com/office/drawing/2014/main" id="{7789FB4C-D321-4566-4D00-6DA2F51F7E23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7143327" y="521274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0" name="OTLSHAPE_SLT_4bd86f79fe1b4448af616dfaccd0064d_ShapePercentage" hidden="1">
            <a:extLst>
              <a:ext uri="{FF2B5EF4-FFF2-40B4-BE49-F238E27FC236}">
                <a16:creationId xmlns:a16="http://schemas.microsoft.com/office/drawing/2014/main" id="{1A40C8A6-33C7-0FE8-4D19-9726D0BDB58B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558557" y="54531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24" name="OTLSHAPE_SLT_4a0d7f7cf92a45289ae48e6b0807740f_ShapePercentage" hidden="1">
            <a:extLst>
              <a:ext uri="{FF2B5EF4-FFF2-40B4-BE49-F238E27FC236}">
                <a16:creationId xmlns:a16="http://schemas.microsoft.com/office/drawing/2014/main" id="{197C70D2-7AF6-EDF3-73DB-E4D3CDBEFC9A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8233307" y="597652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" name="OTLSHAPE_SL_1cba2df647144b4ebd46623edbbf9f25_Header">
            <a:extLst>
              <a:ext uri="{FF2B5EF4-FFF2-40B4-BE49-F238E27FC236}">
                <a16:creationId xmlns:a16="http://schemas.microsoft.com/office/drawing/2014/main" id="{45C95CC0-C346-6FFD-B9FE-1229B5D8C37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3500" y="1524832"/>
            <a:ext cx="952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e clearing &amp; excavation</a:t>
            </a:r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" name="OTLSHAPE_SL_0a24a38f62fe4ee6bb51754e83af6ee5_Header">
            <a:extLst>
              <a:ext uri="{FF2B5EF4-FFF2-40B4-BE49-F238E27FC236}">
                <a16:creationId xmlns:a16="http://schemas.microsoft.com/office/drawing/2014/main" id="{3088957E-FFB2-DB9D-DA49-3F3BCFFAEA6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3500" y="2331536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undation pour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" name="OTLSHAPE_SL_091c9a81970e49d696f986aea9271c4b_Header">
            <a:extLst>
              <a:ext uri="{FF2B5EF4-FFF2-40B4-BE49-F238E27FC236}">
                <a16:creationId xmlns:a16="http://schemas.microsoft.com/office/drawing/2014/main" id="{10AE6D32-A93E-A6EB-CDAF-E08213ECBCF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3500" y="2975468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eel framing</a:t>
            </a:r>
          </a:p>
        </p:txBody>
      </p:sp>
      <p:sp>
        <p:nvSpPr>
          <p:cNvPr id="30" name="OTLSHAPE_SL_1df95afc8603471fba6f67b4d21516f9_Header">
            <a:extLst>
              <a:ext uri="{FF2B5EF4-FFF2-40B4-BE49-F238E27FC236}">
                <a16:creationId xmlns:a16="http://schemas.microsoft.com/office/drawing/2014/main" id="{6CE1A842-09E3-4CB7-5FF2-C272103FDB9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3500" y="3515599"/>
            <a:ext cx="9525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chanical &amp; electrical systems</a:t>
            </a:r>
          </a:p>
        </p:txBody>
      </p:sp>
      <p:sp>
        <p:nvSpPr>
          <p:cNvPr id="33" name="OTLSHAPE_SL_8fb4a6833c8949a9b77718a84a2780de_Header">
            <a:extLst>
              <a:ext uri="{FF2B5EF4-FFF2-40B4-BE49-F238E27FC236}">
                <a16:creationId xmlns:a16="http://schemas.microsoft.com/office/drawing/2014/main" id="{D8219C7D-C0EA-9711-7EB2-EA2A50F0D59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3500" y="4370986"/>
            <a:ext cx="952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oofing &amp; glazing</a:t>
            </a:r>
          </a:p>
        </p:txBody>
      </p:sp>
      <p:sp>
        <p:nvSpPr>
          <p:cNvPr id="36" name="OTLSHAPE_SL_9aa15a9a6a7048b4ab05a308c1cf99b4_Header">
            <a:extLst>
              <a:ext uri="{FF2B5EF4-FFF2-40B4-BE49-F238E27FC236}">
                <a16:creationId xmlns:a16="http://schemas.microsoft.com/office/drawing/2014/main" id="{88A19A5A-B1D8-98C6-E711-92A23A5A3AB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500" y="5141114"/>
            <a:ext cx="952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rior construction</a:t>
            </a:r>
          </a:p>
        </p:txBody>
      </p:sp>
      <p:sp>
        <p:nvSpPr>
          <p:cNvPr id="39" name="OTLSHAPE_SL_e89dfd89e72e4cb98b9d55c753fa9c30_Header">
            <a:extLst>
              <a:ext uri="{FF2B5EF4-FFF2-40B4-BE49-F238E27FC236}">
                <a16:creationId xmlns:a16="http://schemas.microsoft.com/office/drawing/2014/main" id="{D5A076B6-DCAC-3B7D-F35A-4F9B20991C7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3500" y="5771542"/>
            <a:ext cx="952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terior finishing</a:t>
            </a:r>
          </a:p>
        </p:txBody>
      </p:sp>
      <p:sp>
        <p:nvSpPr>
          <p:cNvPr id="42" name="OTLSHAPE_SL_ef16e286aa0a41ec9e32c240c83e3f39_Header">
            <a:extLst>
              <a:ext uri="{FF2B5EF4-FFF2-40B4-BE49-F238E27FC236}">
                <a16:creationId xmlns:a16="http://schemas.microsoft.com/office/drawing/2014/main" id="{CB6D0F26-D375-0449-B8B3-BC14E70A36D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3500" y="637293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inspection</a:t>
            </a:r>
          </a:p>
        </p:txBody>
      </p:sp>
      <p:sp>
        <p:nvSpPr>
          <p:cNvPr id="49" name="OTLSHAPE_SL2A_f9880855699a40a59b1fee61cec34a86_Header">
            <a:extLst>
              <a:ext uri="{FF2B5EF4-FFF2-40B4-BE49-F238E27FC236}">
                <a16:creationId xmlns:a16="http://schemas.microsoft.com/office/drawing/2014/main" id="{75402337-524D-3D73-E0DE-7BE77DC70A6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078508" y="1524832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rveying &amp; site prep</a:t>
            </a:r>
          </a:p>
        </p:txBody>
      </p:sp>
      <p:sp>
        <p:nvSpPr>
          <p:cNvPr id="70" name="OTLSHAPE_SL2A_e60349128e014cc092b12597e2fcaa04_Header">
            <a:extLst>
              <a:ext uri="{FF2B5EF4-FFF2-40B4-BE49-F238E27FC236}">
                <a16:creationId xmlns:a16="http://schemas.microsoft.com/office/drawing/2014/main" id="{0917FEB9-482F-9407-098A-A8F6375336A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78508" y="2246276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crete foundation</a:t>
            </a:r>
          </a:p>
        </p:txBody>
      </p:sp>
      <p:sp>
        <p:nvSpPr>
          <p:cNvPr id="85" name="OTLSHAPE_SL2A_f440a37347c24d2182fedb3e630822fd_Header">
            <a:extLst>
              <a:ext uri="{FF2B5EF4-FFF2-40B4-BE49-F238E27FC236}">
                <a16:creationId xmlns:a16="http://schemas.microsoft.com/office/drawing/2014/main" id="{2147D2AC-E160-8FF0-E013-67D8963A252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078508" y="2890209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uctural framing</a:t>
            </a:r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srgbClr val="FFB70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" name="OTLSHAPE_SL2A_75746c2ec1e74f9b8459f0af77c4b3bf_Header">
            <a:extLst>
              <a:ext uri="{FF2B5EF4-FFF2-40B4-BE49-F238E27FC236}">
                <a16:creationId xmlns:a16="http://schemas.microsoft.com/office/drawing/2014/main" id="{A2EEDFFC-EB75-AF4A-AAFE-78753623A3B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78508" y="3461158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lectrical systems</a:t>
            </a:r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srgbClr val="FFB70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7" name="OTLSHAPE_SL2A_813fbef2b5464fa2bfbf9770f7ab0a57_Header">
            <a:extLst>
              <a:ext uri="{FF2B5EF4-FFF2-40B4-BE49-F238E27FC236}">
                <a16:creationId xmlns:a16="http://schemas.microsoft.com/office/drawing/2014/main" id="{0371F2D3-65B8-DB28-0A6D-08D6B44AFF8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078508" y="3828527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VAC systems</a:t>
            </a:r>
          </a:p>
        </p:txBody>
      </p:sp>
      <p:sp>
        <p:nvSpPr>
          <p:cNvPr id="139" name="OTLSHAPE_SL2A_c8706d3b6e804ed3997cc1ffa0d02747_Header">
            <a:extLst>
              <a:ext uri="{FF2B5EF4-FFF2-40B4-BE49-F238E27FC236}">
                <a16:creationId xmlns:a16="http://schemas.microsoft.com/office/drawing/2014/main" id="{9AA60309-F39E-0E02-425D-0B23E4B9BB4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78508" y="4231286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oofing</a:t>
            </a:r>
          </a:p>
        </p:txBody>
      </p:sp>
      <p:sp>
        <p:nvSpPr>
          <p:cNvPr id="151" name="OTLSHAPE_SL2A_1834e43a0db742d587155a0ade9e79b0_Header">
            <a:extLst>
              <a:ext uri="{FF2B5EF4-FFF2-40B4-BE49-F238E27FC236}">
                <a16:creationId xmlns:a16="http://schemas.microsoft.com/office/drawing/2014/main" id="{68CC8635-0B7F-4BA8-B99F-B762B83D84D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78508" y="459594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lazing</a:t>
            </a:r>
          </a:p>
        </p:txBody>
      </p:sp>
      <p:sp>
        <p:nvSpPr>
          <p:cNvPr id="166" name="OTLSHAPE_SL2A_b08a2ae6fb9e4bb7bb8c431af01b8a91_Header">
            <a:extLst>
              <a:ext uri="{FF2B5EF4-FFF2-40B4-BE49-F238E27FC236}">
                <a16:creationId xmlns:a16="http://schemas.microsoft.com/office/drawing/2014/main" id="{31207811-1348-EE0E-9966-9D6F1FE205F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78508" y="5001414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ywall &amp; insulation</a:t>
            </a:r>
          </a:p>
        </p:txBody>
      </p:sp>
      <p:sp>
        <p:nvSpPr>
          <p:cNvPr id="187" name="OTLSHAPE_SL2A_998b488336134195a164c9fd41c6cd78_Header">
            <a:extLst>
              <a:ext uri="{FF2B5EF4-FFF2-40B4-BE49-F238E27FC236}">
                <a16:creationId xmlns:a16="http://schemas.microsoft.com/office/drawing/2014/main" id="{3BF38321-64C7-57E5-FB8D-B6E92B5FE6B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78508" y="5454042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ooring</a:t>
            </a:r>
          </a:p>
        </p:txBody>
      </p:sp>
      <p:sp>
        <p:nvSpPr>
          <p:cNvPr id="199" name="OTLSHAPE_SL2A_2c30bf5fee5e4740a8c621e4e098b6c8_Header">
            <a:extLst>
              <a:ext uri="{FF2B5EF4-FFF2-40B4-BE49-F238E27FC236}">
                <a16:creationId xmlns:a16="http://schemas.microsoft.com/office/drawing/2014/main" id="{1BED965E-DE9F-7A20-3197-FDFCF4AE1A6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78508" y="5771542"/>
            <a:ext cx="63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terior painting</a:t>
            </a:r>
          </a:p>
        </p:txBody>
      </p:sp>
      <p:sp>
        <p:nvSpPr>
          <p:cNvPr id="214" name="OTLSHAPE_SL2A_df5301e8bd7a4f6cb070eb8a50726958_Header">
            <a:extLst>
              <a:ext uri="{FF2B5EF4-FFF2-40B4-BE49-F238E27FC236}">
                <a16:creationId xmlns:a16="http://schemas.microsoft.com/office/drawing/2014/main" id="{10EE570A-6494-D196-7C92-8D51A6FB413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78508" y="6372930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FFB7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55" name="OTLSHAPE_SLT_be22d075298b471daa3f3808728e11d0_BaselineShape" hidden="1">
            <a:extLst>
              <a:ext uri="{FF2B5EF4-FFF2-40B4-BE49-F238E27FC236}">
                <a16:creationId xmlns:a16="http://schemas.microsoft.com/office/drawing/2014/main" id="{3DAB96A2-252A-F572-B461-01D23BB9D23D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901043" y="146141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5" name="OTLSHAPE_SLT_36adbc561f734ca7b4dc259e243f02ed_BaselineShape">
            <a:extLst>
              <a:ext uri="{FF2B5EF4-FFF2-40B4-BE49-F238E27FC236}">
                <a16:creationId xmlns:a16="http://schemas.microsoft.com/office/drawing/2014/main" id="{ED8CF173-ECE1-FD13-204A-6A7930230EE6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2056754" y="1831325"/>
            <a:ext cx="419100" cy="38100"/>
          </a:xfrm>
          <a:prstGeom prst="rect">
            <a:avLst/>
          </a:prstGeom>
          <a:solidFill>
            <a:srgbClr val="FF0000">
              <a:alpha val="72157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0" name="OTLSHAPE_SLT_2868068b7eb64c58a3696756ce46f82d_BaselineShape" hidden="1">
            <a:extLst>
              <a:ext uri="{FF2B5EF4-FFF2-40B4-BE49-F238E27FC236}">
                <a16:creationId xmlns:a16="http://schemas.microsoft.com/office/drawing/2014/main" id="{248DAF5C-51D5-E103-650B-A921A687219D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1901043" y="246446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5" name="OTLSHAPE_SLT_553db94ed75440bf8c176eac25853850_BaselineShape" hidden="1">
            <a:extLst>
              <a:ext uri="{FF2B5EF4-FFF2-40B4-BE49-F238E27FC236}">
                <a16:creationId xmlns:a16="http://schemas.microsoft.com/office/drawing/2014/main" id="{94B963B5-6FED-586A-2F52-7B15B00FC4C6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1901043" y="303757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9" name="OTLSHAPE_SLT_a2e7a74eae8c496da5a2f63955b0f273_BaselineShape" hidden="1">
            <a:extLst>
              <a:ext uri="{FF2B5EF4-FFF2-40B4-BE49-F238E27FC236}">
                <a16:creationId xmlns:a16="http://schemas.microsoft.com/office/drawing/2014/main" id="{B5D7930D-6C42-C4C5-3654-EE0259D848AE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1901043" y="326794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9" name="OTLSHAPE_SLT_0aa0556c428041439074d15b468aa89e_BaselineShape" hidden="1">
            <a:extLst>
              <a:ext uri="{FF2B5EF4-FFF2-40B4-BE49-F238E27FC236}">
                <a16:creationId xmlns:a16="http://schemas.microsoft.com/office/drawing/2014/main" id="{35A51CE8-1CA6-2DA9-CDCE-1DFAB9916913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1901043" y="355276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2" name="OTLSHAPE_SLT_0bd20d123c2d47d2b52de2e27184fb4b_BaselineShape">
            <a:extLst>
              <a:ext uri="{FF2B5EF4-FFF2-40B4-BE49-F238E27FC236}">
                <a16:creationId xmlns:a16="http://schemas.microsoft.com/office/drawing/2014/main" id="{F433BD43-A320-6F81-605B-27AEA35366BA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3717676" y="3767651"/>
            <a:ext cx="419100" cy="38100"/>
          </a:xfrm>
          <a:prstGeom prst="rect">
            <a:avLst/>
          </a:prstGeom>
          <a:solidFill>
            <a:srgbClr val="FF0000">
              <a:alpha val="72157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5" name="OTLSHAPE_SLT_17ef602d8fe04ab08020564b09f66c51_BaselineShape" hidden="1">
            <a:extLst>
              <a:ext uri="{FF2B5EF4-FFF2-40B4-BE49-F238E27FC236}">
                <a16:creationId xmlns:a16="http://schemas.microsoft.com/office/drawing/2014/main" id="{16C3C98E-251C-1EC7-0386-CB7B336F979D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1901043" y="400810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8" name="OTLSHAPE_SLT_81d966d7ebeb4b5ba65c9413d3b4a59a_BaselineShape">
            <a:extLst>
              <a:ext uri="{FF2B5EF4-FFF2-40B4-BE49-F238E27FC236}">
                <a16:creationId xmlns:a16="http://schemas.microsoft.com/office/drawing/2014/main" id="{89890CA8-5E27-D014-535E-A2BD82D811F9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5067175" y="4331870"/>
            <a:ext cx="990600" cy="38100"/>
          </a:xfrm>
          <a:prstGeom prst="rect">
            <a:avLst/>
          </a:prstGeom>
          <a:solidFill>
            <a:srgbClr val="27AA10">
              <a:alpha val="8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1" name="OTLSHAPE_SLT_6714b4d26f4941349dbee033f317c7b0_BaselineShape" hidden="1">
            <a:extLst>
              <a:ext uri="{FF2B5EF4-FFF2-40B4-BE49-F238E27FC236}">
                <a16:creationId xmlns:a16="http://schemas.microsoft.com/office/drawing/2014/main" id="{4BA011A6-56D6-DA5A-CEB6-B6969AC54C5C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1901043" y="480456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85" name="OTLSHAPE_SLT_6107c100515b4555a00e37bcc3766c71_BaselineShape" hidden="1">
            <a:extLst>
              <a:ext uri="{FF2B5EF4-FFF2-40B4-BE49-F238E27FC236}">
                <a16:creationId xmlns:a16="http://schemas.microsoft.com/office/drawing/2014/main" id="{F06C2227-03D3-31B5-1C7D-3A43F62D1D50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1901043" y="509302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02" name="OTLSHAPE_SLT_fdb078ea4dba4720af72d64d9176e36e_BaselineShape" hidden="1">
            <a:extLst>
              <a:ext uri="{FF2B5EF4-FFF2-40B4-BE49-F238E27FC236}">
                <a16:creationId xmlns:a16="http://schemas.microsoft.com/office/drawing/2014/main" id="{3F71014C-2D35-77DE-AB54-9DC05F1190B7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1901043" y="530164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1" name="OTLSHAPE_SLT_4bd86f79fe1b4448af616dfaccd0064d_BaselineShape">
            <a:extLst>
              <a:ext uri="{FF2B5EF4-FFF2-40B4-BE49-F238E27FC236}">
                <a16:creationId xmlns:a16="http://schemas.microsoft.com/office/drawing/2014/main" id="{D8765262-BBE6-B135-99A5-9A6BBE12F06E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7558557" y="5554626"/>
            <a:ext cx="635000" cy="38100"/>
          </a:xfrm>
          <a:prstGeom prst="rect">
            <a:avLst/>
          </a:prstGeom>
          <a:solidFill>
            <a:srgbClr val="27AA10">
              <a:alpha val="89804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28" name="OTLSHAPE_SLT_4a0d7f7cf92a45289ae48e6b0807740f_BaselineShape" hidden="1">
            <a:extLst>
              <a:ext uri="{FF2B5EF4-FFF2-40B4-BE49-F238E27FC236}">
                <a16:creationId xmlns:a16="http://schemas.microsoft.com/office/drawing/2014/main" id="{E973264E-4DB8-9A0F-9631-DA709BF65235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1901043" y="606542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16" name="OTLSHAPE_SLM_95d243911874419ba2cdaa5e7ba52f2c_Shape">
            <a:extLst>
              <a:ext uri="{FF2B5EF4-FFF2-40B4-BE49-F238E27FC236}">
                <a16:creationId xmlns:a16="http://schemas.microsoft.com/office/drawing/2014/main" id="{7F172A4F-00A0-C1A0-EE80-E48193EEB539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10700358" y="6413739"/>
            <a:ext cx="152400" cy="177800"/>
          </a:xfrm>
          <a:prstGeom prst="diamond">
            <a:avLst/>
          </a:prstGeom>
          <a:solidFill>
            <a:srgbClr val="FF5C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222" name="OTLSHAPE_SLM_a134d8eb28a34cfbbf642d960090ed28_Shape">
            <a:extLst>
              <a:ext uri="{FF2B5EF4-FFF2-40B4-BE49-F238E27FC236}">
                <a16:creationId xmlns:a16="http://schemas.microsoft.com/office/drawing/2014/main" id="{B51C1AA2-7B9D-90FD-0086-C3DDDA7607FE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11011781" y="6413739"/>
            <a:ext cx="152400" cy="177800"/>
          </a:xfrm>
          <a:prstGeom prst="diamond">
            <a:avLst/>
          </a:prstGeom>
          <a:solidFill>
            <a:srgbClr val="FF5C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9" name="OTLSHAPE_TB_00000000000000000000000000000000_TodayMarkerShape" hidden="1">
            <a:extLst>
              <a:ext uri="{FF2B5EF4-FFF2-40B4-BE49-F238E27FC236}">
                <a16:creationId xmlns:a16="http://schemas.microsoft.com/office/drawing/2014/main" id="{2707F264-E7DF-3712-DDF0-F427FBCB5A37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2056447" y="1274557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27C57A3D-1CB2-14E1-B527-6BFCD5ABC86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951843" y="888921"/>
            <a:ext cx="2644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73B8781D-A781-110C-D4AC-3B26AC6ACCF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3560861" y="888921"/>
            <a:ext cx="23083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344D68C8-CA8F-0C55-9B34-E4CD12D848ED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5117975" y="888921"/>
            <a:ext cx="2793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A65546A-35A9-A93D-F04C-DB92EBC15F42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726992" y="888921"/>
            <a:ext cx="20954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DF5C0422-41C1-BD24-4C26-BBEADC6D092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8284107" y="888921"/>
            <a:ext cx="16619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10CA66C-E934-181A-0B80-529896148B4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9893125" y="888921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2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57" name="OTLSHAPE_SLT_be22d075298b471daa3f3808728e11d0_JoinedDate">
            <a:extLst>
              <a:ext uri="{FF2B5EF4-FFF2-40B4-BE49-F238E27FC236}">
                <a16:creationId xmlns:a16="http://schemas.microsoft.com/office/drawing/2014/main" id="{244A22C5-A6C8-49D5-0912-95623137B06E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901043" y="152127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 - Mar 3</a:t>
            </a:r>
          </a:p>
        </p:txBody>
      </p:sp>
      <p:sp>
        <p:nvSpPr>
          <p:cNvPr id="58" name="OTLSHAPE_SLT_be22d075298b471daa3f3808728e11d0_Title">
            <a:extLst>
              <a:ext uri="{FF2B5EF4-FFF2-40B4-BE49-F238E27FC236}">
                <a16:creationId xmlns:a16="http://schemas.microsoft.com/office/drawing/2014/main" id="{9CC52915-E4A8-1872-0E7E-8AD2447F6C4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2107518" y="135075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e survey and land inspection</a:t>
            </a:r>
          </a:p>
        </p:txBody>
      </p:sp>
      <p:sp>
        <p:nvSpPr>
          <p:cNvPr id="66" name="OTLSHAPE_SLT_36adbc561f734ca7b4dc259e243f02ed_JoinedDate">
            <a:extLst>
              <a:ext uri="{FF2B5EF4-FFF2-40B4-BE49-F238E27FC236}">
                <a16:creationId xmlns:a16="http://schemas.microsoft.com/office/drawing/2014/main" id="{A59C59D0-B1FC-24F8-5C35-EE976C4B3C2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2056754" y="1884919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4 - Mar 14</a:t>
            </a:r>
            <a:endParaRPr kumimoji="0" lang="en-US" sz="1000" b="0" i="0" u="none" strike="noStrike" kern="1200" cap="none" spc="-2" normalizeH="0" baseline="0" noProof="0" dirty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7" name="OTLSHAPE_SLT_36adbc561f734ca7b4dc259e243f02ed_Title">
            <a:extLst>
              <a:ext uri="{FF2B5EF4-FFF2-40B4-BE49-F238E27FC236}">
                <a16:creationId xmlns:a16="http://schemas.microsoft.com/office/drawing/2014/main" id="{1FD3B2FD-DB15-379C-1941-FE070BA88ED5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2678460" y="1714400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te clearing and excavation</a:t>
            </a:r>
          </a:p>
        </p:txBody>
      </p:sp>
      <p:sp>
        <p:nvSpPr>
          <p:cNvPr id="78" name="OTLSHAPE_SLT_2868068b7eb64c58a3696756ce46f82d_JoinedDate">
            <a:extLst>
              <a:ext uri="{FF2B5EF4-FFF2-40B4-BE49-F238E27FC236}">
                <a16:creationId xmlns:a16="http://schemas.microsoft.com/office/drawing/2014/main" id="{CF9E5925-0F10-5A8A-0520-3EDEBEBC6A0F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2420081" y="2524321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1 - Mar 14</a:t>
            </a:r>
          </a:p>
        </p:txBody>
      </p:sp>
      <p:sp>
        <p:nvSpPr>
          <p:cNvPr id="79" name="OTLSHAPE_SLT_2868068b7eb64c58a3696756ce46f82d_Title">
            <a:extLst>
              <a:ext uri="{FF2B5EF4-FFF2-40B4-BE49-F238E27FC236}">
                <a16:creationId xmlns:a16="http://schemas.microsoft.com/office/drawing/2014/main" id="{AF0C2028-9A5E-BD02-5B68-012FF55278D3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2678460" y="2353803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ur foundation concrete</a:t>
            </a:r>
          </a:p>
        </p:txBody>
      </p:sp>
      <p:sp>
        <p:nvSpPr>
          <p:cNvPr id="93" name="OTLSHAPE_SLT_553db94ed75440bf8c176eac25853850_JoinedDate">
            <a:extLst>
              <a:ext uri="{FF2B5EF4-FFF2-40B4-BE49-F238E27FC236}">
                <a16:creationId xmlns:a16="http://schemas.microsoft.com/office/drawing/2014/main" id="{EEF3032D-96E4-CA07-CDB5-C54D66B59D4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2420081" y="2793646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1 - Mar 26</a:t>
            </a:r>
          </a:p>
        </p:txBody>
      </p:sp>
      <p:sp>
        <p:nvSpPr>
          <p:cNvPr id="94" name="OTLSHAPE_SLT_553db94ed75440bf8c176eac25853850_Title">
            <a:extLst>
              <a:ext uri="{FF2B5EF4-FFF2-40B4-BE49-F238E27FC236}">
                <a16:creationId xmlns:a16="http://schemas.microsoft.com/office/drawing/2014/main" id="{759A4514-D07B-BD6F-A416-833D0D6602B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301305" y="2926912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steel framing</a:t>
            </a:r>
          </a:p>
        </p:txBody>
      </p:sp>
      <p:sp>
        <p:nvSpPr>
          <p:cNvPr id="102" name="OTLSHAPE_SLT_a2e7a74eae8c496da5a2f63955b0f273_JoinedDate">
            <a:extLst>
              <a:ext uri="{FF2B5EF4-FFF2-40B4-BE49-F238E27FC236}">
                <a16:creationId xmlns:a16="http://schemas.microsoft.com/office/drawing/2014/main" id="{5341A6CB-0117-943D-63B9-9EDEFAD13BDD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2338425" y="316503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6 - Apr 10</a:t>
            </a:r>
          </a:p>
        </p:txBody>
      </p:sp>
      <p:sp>
        <p:nvSpPr>
          <p:cNvPr id="103" name="OTLSHAPE_SLT_a2e7a74eae8c496da5a2f63955b0f273_Title">
            <a:extLst>
              <a:ext uri="{FF2B5EF4-FFF2-40B4-BE49-F238E27FC236}">
                <a16:creationId xmlns:a16="http://schemas.microsoft.com/office/drawing/2014/main" id="{4BE89098-7EC9-4DED-4609-192D2BC825F4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079863" y="3157290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ame building structure</a:t>
            </a:r>
          </a:p>
        </p:txBody>
      </p:sp>
      <p:sp>
        <p:nvSpPr>
          <p:cNvPr id="114" name="OTLSHAPE_SLT_0aa0556c428041439074d15b468aa89e_JoinedDate">
            <a:extLst>
              <a:ext uri="{FF2B5EF4-FFF2-40B4-BE49-F238E27FC236}">
                <a16:creationId xmlns:a16="http://schemas.microsoft.com/office/drawing/2014/main" id="{659FC47D-90F1-681E-6DB6-43AACBD3052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2743446" y="344985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 - Apr 15</a:t>
            </a:r>
          </a:p>
        </p:txBody>
      </p:sp>
      <p:sp>
        <p:nvSpPr>
          <p:cNvPr id="115" name="OTLSHAPE_SLT_0aa0556c428041439074d15b468aa89e_Title">
            <a:extLst>
              <a:ext uri="{FF2B5EF4-FFF2-40B4-BE49-F238E27FC236}">
                <a16:creationId xmlns:a16="http://schemas.microsoft.com/office/drawing/2014/main" id="{D1B0565D-6D65-B6B2-A7BB-BA343A8B7407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4339382" y="3442108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electrical wiring</a:t>
            </a:r>
          </a:p>
        </p:txBody>
      </p:sp>
      <p:sp>
        <p:nvSpPr>
          <p:cNvPr id="123" name="OTLSHAPE_SLT_0bd20d123c2d47d2b52de2e27184fb4b_JoinedDate">
            <a:extLst>
              <a:ext uri="{FF2B5EF4-FFF2-40B4-BE49-F238E27FC236}">
                <a16:creationId xmlns:a16="http://schemas.microsoft.com/office/drawing/2014/main" id="{9B2AC2D5-D603-D937-D0E8-3175CD8B460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2951062" y="365847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5 - Apr 15</a:t>
            </a:r>
          </a:p>
        </p:txBody>
      </p:sp>
      <p:sp>
        <p:nvSpPr>
          <p:cNvPr id="124" name="OTLSHAPE_SLT_0bd20d123c2d47d2b52de2e27184fb4b_Title">
            <a:extLst>
              <a:ext uri="{FF2B5EF4-FFF2-40B4-BE49-F238E27FC236}">
                <a16:creationId xmlns:a16="http://schemas.microsoft.com/office/drawing/2014/main" id="{D33CA938-5195-D572-1145-56820787FBB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4339382" y="3650727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plumbing systems</a:t>
            </a:r>
          </a:p>
        </p:txBody>
      </p:sp>
      <p:sp>
        <p:nvSpPr>
          <p:cNvPr id="135" name="OTLSHAPE_SLT_17ef602d8fe04ab08020564b09f66c51_JoinedDate">
            <a:extLst>
              <a:ext uri="{FF2B5EF4-FFF2-40B4-BE49-F238E27FC236}">
                <a16:creationId xmlns:a16="http://schemas.microsoft.com/office/drawing/2014/main" id="{EB4CC12B-32FF-E75E-ECB2-4312C5EFCA40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3146192" y="390519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0 - Apr 20</a:t>
            </a:r>
          </a:p>
        </p:txBody>
      </p:sp>
      <p:sp>
        <p:nvSpPr>
          <p:cNvPr id="136" name="OTLSHAPE_SLT_17ef602d8fe04ab08020564b09f66c51_Title">
            <a:extLst>
              <a:ext uri="{FF2B5EF4-FFF2-40B4-BE49-F238E27FC236}">
                <a16:creationId xmlns:a16="http://schemas.microsoft.com/office/drawing/2014/main" id="{A6C188C4-E040-B60D-E16A-79614DA2DCA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4598901" y="389744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HVAC systems</a:t>
            </a:r>
          </a:p>
        </p:txBody>
      </p:sp>
      <p:sp>
        <p:nvSpPr>
          <p:cNvPr id="147" name="OTLSHAPE_SLT_81d966d7ebeb4b5ba65c9413d3b4a59a_JoinedDate">
            <a:extLst>
              <a:ext uri="{FF2B5EF4-FFF2-40B4-BE49-F238E27FC236}">
                <a16:creationId xmlns:a16="http://schemas.microsoft.com/office/drawing/2014/main" id="{434340CD-590E-AEB2-78ED-0831417AF09B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4220466" y="422269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 - May 15</a:t>
            </a:r>
          </a:p>
        </p:txBody>
      </p:sp>
      <p:sp>
        <p:nvSpPr>
          <p:cNvPr id="148" name="OTLSHAPE_SLT_81d966d7ebeb4b5ba65c9413d3b4a59a_Title">
            <a:extLst>
              <a:ext uri="{FF2B5EF4-FFF2-40B4-BE49-F238E27FC236}">
                <a16:creationId xmlns:a16="http://schemas.microsoft.com/office/drawing/2014/main" id="{D9898846-D3E4-A1F7-8B39-EE643170C94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5896496" y="421494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roof structure</a:t>
            </a:r>
          </a:p>
        </p:txBody>
      </p:sp>
      <p:sp>
        <p:nvSpPr>
          <p:cNvPr id="159" name="OTLSHAPE_SLT_6714b4d26f4941349dbee033f317c7b0_JoinedDate">
            <a:extLst>
              <a:ext uri="{FF2B5EF4-FFF2-40B4-BE49-F238E27FC236}">
                <a16:creationId xmlns:a16="http://schemas.microsoft.com/office/drawing/2014/main" id="{828CB3A7-E3E9-C5EB-E236-36B883434EC0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4997707" y="470165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5 - Jun 1</a:t>
            </a:r>
          </a:p>
        </p:txBody>
      </p:sp>
      <p:sp>
        <p:nvSpPr>
          <p:cNvPr id="160" name="OTLSHAPE_SLT_6714b4d26f4941349dbee033f317c7b0_Title">
            <a:extLst>
              <a:ext uri="{FF2B5EF4-FFF2-40B4-BE49-F238E27FC236}">
                <a16:creationId xmlns:a16="http://schemas.microsoft.com/office/drawing/2014/main" id="{9807BACF-6756-1C69-BB02-70893E051411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6778861" y="4693905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windows and glazing</a:t>
            </a:r>
          </a:p>
        </p:txBody>
      </p:sp>
      <p:sp>
        <p:nvSpPr>
          <p:cNvPr id="174" name="OTLSHAPE_SLT_6107c100515b4555a00e37bcc3766c71_JoinedDate">
            <a:extLst>
              <a:ext uri="{FF2B5EF4-FFF2-40B4-BE49-F238E27FC236}">
                <a16:creationId xmlns:a16="http://schemas.microsoft.com/office/drawing/2014/main" id="{40031CC1-ADD9-EC81-B39C-245FAA95FC59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5930660" y="499011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 - Jun 15</a:t>
            </a:r>
          </a:p>
        </p:txBody>
      </p:sp>
      <p:sp>
        <p:nvSpPr>
          <p:cNvPr id="175" name="OTLSHAPE_SLT_6107c100515b4555a00e37bcc3766c71_Title">
            <a:extLst>
              <a:ext uri="{FF2B5EF4-FFF2-40B4-BE49-F238E27FC236}">
                <a16:creationId xmlns:a16="http://schemas.microsoft.com/office/drawing/2014/main" id="{93CA697E-3AEC-DBFB-4CB3-3B0849DA8340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7505514" y="4982364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drywall and insulation</a:t>
            </a:r>
          </a:p>
        </p:txBody>
      </p:sp>
      <p:sp>
        <p:nvSpPr>
          <p:cNvPr id="183" name="OTLSHAPE_SLT_fdb078ea4dba4720af72d64d9176e36e_JoinedDate">
            <a:extLst>
              <a:ext uri="{FF2B5EF4-FFF2-40B4-BE49-F238E27FC236}">
                <a16:creationId xmlns:a16="http://schemas.microsoft.com/office/drawing/2014/main" id="{AAA34DE1-83E1-23F1-3C09-F73121E6F30A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6333406" y="519873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0 - Jun 20</a:t>
            </a:r>
          </a:p>
        </p:txBody>
      </p:sp>
      <p:sp>
        <p:nvSpPr>
          <p:cNvPr id="184" name="OTLSHAPE_SLT_fdb078ea4dba4720af72d64d9176e36e_Title">
            <a:extLst>
              <a:ext uri="{FF2B5EF4-FFF2-40B4-BE49-F238E27FC236}">
                <a16:creationId xmlns:a16="http://schemas.microsoft.com/office/drawing/2014/main" id="{97BE4AA0-B16A-EFAC-F863-DE686C342480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7765033" y="5190983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int interior walls and ceilings</a:t>
            </a:r>
          </a:p>
        </p:txBody>
      </p:sp>
      <p:sp>
        <p:nvSpPr>
          <p:cNvPr id="195" name="OTLSHAPE_SLT_4bd86f79fe1b4448af616dfaccd0064d_JoinedDate">
            <a:extLst>
              <a:ext uri="{FF2B5EF4-FFF2-40B4-BE49-F238E27FC236}">
                <a16:creationId xmlns:a16="http://schemas.microsoft.com/office/drawing/2014/main" id="{2AC28A37-9D5D-0571-55A8-24BE9763C9D9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748636" y="5445449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8 - Jun 27</a:t>
            </a:r>
          </a:p>
        </p:txBody>
      </p:sp>
      <p:sp>
        <p:nvSpPr>
          <p:cNvPr id="196" name="OTLSHAPE_SLT_4bd86f79fe1b4448af616dfaccd0064d_Title">
            <a:extLst>
              <a:ext uri="{FF2B5EF4-FFF2-40B4-BE49-F238E27FC236}">
                <a16:creationId xmlns:a16="http://schemas.microsoft.com/office/drawing/2014/main" id="{FBE97A4B-FA4A-123A-1E03-2C3C91C7D054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8128360" y="54377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flooring</a:t>
            </a:r>
          </a:p>
        </p:txBody>
      </p:sp>
      <p:sp>
        <p:nvSpPr>
          <p:cNvPr id="207" name="OTLSHAPE_SLT_4a0d7f7cf92a45289ae48e6b0807740f_JoinedDate">
            <a:extLst>
              <a:ext uri="{FF2B5EF4-FFF2-40B4-BE49-F238E27FC236}">
                <a16:creationId xmlns:a16="http://schemas.microsoft.com/office/drawing/2014/main" id="{4B58A27C-10E8-5484-95AA-4D41DFD2F089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7562959" y="596250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 - Jul 15</a:t>
            </a:r>
          </a:p>
        </p:txBody>
      </p:sp>
      <p:sp>
        <p:nvSpPr>
          <p:cNvPr id="208" name="OTLSHAPE_SLT_4a0d7f7cf92a45289ae48e6b0807740f_Title">
            <a:extLst>
              <a:ext uri="{FF2B5EF4-FFF2-40B4-BE49-F238E27FC236}">
                <a16:creationId xmlns:a16="http://schemas.microsoft.com/office/drawing/2014/main" id="{F307157D-31AA-2D97-68C6-B3F85A83AC1E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9062628" y="5954761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terior painting and finishing</a:t>
            </a:r>
          </a:p>
        </p:txBody>
      </p:sp>
      <p:sp>
        <p:nvSpPr>
          <p:cNvPr id="217" name="OTLSHAPE_SLM_95d243911874419ba2cdaa5e7ba52f2c_Title">
            <a:extLst>
              <a:ext uri="{FF2B5EF4-FFF2-40B4-BE49-F238E27FC236}">
                <a16:creationId xmlns:a16="http://schemas.microsoft.com/office/drawing/2014/main" id="{8257D5E0-F8FE-752E-B702-B73B176B05B2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0062563" y="6332120"/>
            <a:ext cx="596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rgbClr val="FF5C5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rst inspection</a:t>
            </a:r>
          </a:p>
        </p:txBody>
      </p:sp>
      <p:sp>
        <p:nvSpPr>
          <p:cNvPr id="223" name="OTLSHAPE_SLM_a134d8eb28a34cfbbf642d960090ed28_Title">
            <a:extLst>
              <a:ext uri="{FF2B5EF4-FFF2-40B4-BE49-F238E27FC236}">
                <a16:creationId xmlns:a16="http://schemas.microsoft.com/office/drawing/2014/main" id="{A3D9AD54-F330-1191-5BCF-AABC874B1E9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0871318" y="624322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rgbClr val="FF5C5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gn-off</a:t>
            </a:r>
          </a:p>
        </p:txBody>
      </p:sp>
      <p:sp>
        <p:nvSpPr>
          <p:cNvPr id="236" name="OTLSHAPE_TB_00000000000000000000000000000000_MiddleTimescaleInterval2">
            <a:extLst>
              <a:ext uri="{FF2B5EF4-FFF2-40B4-BE49-F238E27FC236}">
                <a16:creationId xmlns:a16="http://schemas.microsoft.com/office/drawing/2014/main" id="{6DAF7E6B-018C-A0E6-0C62-6D3678B6A15D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2315169" y="1080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</a:t>
            </a:r>
          </a:p>
        </p:txBody>
      </p:sp>
      <p:sp>
        <p:nvSpPr>
          <p:cNvPr id="238" name="OTLSHAPE_TB_00000000000000000000000000000000_MiddleTimescaleInterval3">
            <a:extLst>
              <a:ext uri="{FF2B5EF4-FFF2-40B4-BE49-F238E27FC236}">
                <a16:creationId xmlns:a16="http://schemas.microsoft.com/office/drawing/2014/main" id="{464A2B8D-007D-7F2F-F7FE-986F12BC5826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2678496" y="1080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</a:t>
            </a:r>
          </a:p>
        </p:txBody>
      </p:sp>
      <p:sp>
        <p:nvSpPr>
          <p:cNvPr id="240" name="OTLSHAPE_TB_00000000000000000000000000000000_MiddleTimescaleInterval4">
            <a:extLst>
              <a:ext uri="{FF2B5EF4-FFF2-40B4-BE49-F238E27FC236}">
                <a16:creationId xmlns:a16="http://schemas.microsoft.com/office/drawing/2014/main" id="{56A9FEDC-DBBC-B788-FE70-B6A34737946D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3041823" y="1080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</a:t>
            </a:r>
          </a:p>
        </p:txBody>
      </p:sp>
      <p:sp>
        <p:nvSpPr>
          <p:cNvPr id="242" name="OTLSHAPE_TB_00000000000000000000000000000000_MiddleTimescaleInterval5">
            <a:extLst>
              <a:ext uri="{FF2B5EF4-FFF2-40B4-BE49-F238E27FC236}">
                <a16:creationId xmlns:a16="http://schemas.microsoft.com/office/drawing/2014/main" id="{47548943-38A4-7C3A-4DC0-07864623A2BF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3405149" y="1080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</a:t>
            </a:r>
          </a:p>
        </p:txBody>
      </p:sp>
      <p:sp>
        <p:nvSpPr>
          <p:cNvPr id="244" name="OTLSHAPE_TB_00000000000000000000000000000000_MiddleTimescaleInterval6">
            <a:extLst>
              <a:ext uri="{FF2B5EF4-FFF2-40B4-BE49-F238E27FC236}">
                <a16:creationId xmlns:a16="http://schemas.microsoft.com/office/drawing/2014/main" id="{6E8F9A94-827C-22F2-2BC9-D83B585F5347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3768476" y="1080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</a:t>
            </a:r>
          </a:p>
        </p:txBody>
      </p:sp>
      <p:sp>
        <p:nvSpPr>
          <p:cNvPr id="246" name="OTLSHAPE_TB_00000000000000000000000000000000_MiddleTimescaleInterval7">
            <a:extLst>
              <a:ext uri="{FF2B5EF4-FFF2-40B4-BE49-F238E27FC236}">
                <a16:creationId xmlns:a16="http://schemas.microsoft.com/office/drawing/2014/main" id="{DE2A0BDF-61A1-9FC3-093B-7547689CAB28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4131802" y="1080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</a:p>
        </p:txBody>
      </p:sp>
      <p:sp>
        <p:nvSpPr>
          <p:cNvPr id="248" name="OTLSHAPE_TB_00000000000000000000000000000000_MiddleTimescaleInterval8">
            <a:extLst>
              <a:ext uri="{FF2B5EF4-FFF2-40B4-BE49-F238E27FC236}">
                <a16:creationId xmlns:a16="http://schemas.microsoft.com/office/drawing/2014/main" id="{4445F277-CF93-55FA-C5BA-E6F808F2941C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4495129" y="1080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</a:t>
            </a:r>
          </a:p>
        </p:txBody>
      </p:sp>
      <p:sp>
        <p:nvSpPr>
          <p:cNvPr id="250" name="OTLSHAPE_TB_00000000000000000000000000000000_MiddleTimescaleInterval9">
            <a:extLst>
              <a:ext uri="{FF2B5EF4-FFF2-40B4-BE49-F238E27FC236}">
                <a16:creationId xmlns:a16="http://schemas.microsoft.com/office/drawing/2014/main" id="{2C075ABA-2BAC-622F-65C3-AE243A7452E4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4858456" y="1080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</a:t>
            </a:r>
          </a:p>
        </p:txBody>
      </p:sp>
      <p:sp>
        <p:nvSpPr>
          <p:cNvPr id="252" name="OTLSHAPE_TB_00000000000000000000000000000000_MiddleTimescaleInterval10">
            <a:extLst>
              <a:ext uri="{FF2B5EF4-FFF2-40B4-BE49-F238E27FC236}">
                <a16:creationId xmlns:a16="http://schemas.microsoft.com/office/drawing/2014/main" id="{14D2A548-2817-88DA-5F82-8D48330EF1AC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5221782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</a:t>
            </a:r>
          </a:p>
        </p:txBody>
      </p:sp>
      <p:sp>
        <p:nvSpPr>
          <p:cNvPr id="254" name="OTLSHAPE_TB_00000000000000000000000000000000_MiddleTimescaleInterval11">
            <a:extLst>
              <a:ext uri="{FF2B5EF4-FFF2-40B4-BE49-F238E27FC236}">
                <a16:creationId xmlns:a16="http://schemas.microsoft.com/office/drawing/2014/main" id="{9870C3F9-C50F-CDEC-BA76-C5DAD028BFA3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5585109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</a:t>
            </a:r>
          </a:p>
        </p:txBody>
      </p:sp>
      <p:sp>
        <p:nvSpPr>
          <p:cNvPr id="256" name="OTLSHAPE_TB_00000000000000000000000000000000_MiddleTimescaleInterval12">
            <a:extLst>
              <a:ext uri="{FF2B5EF4-FFF2-40B4-BE49-F238E27FC236}">
                <a16:creationId xmlns:a16="http://schemas.microsoft.com/office/drawing/2014/main" id="{02FB478F-AFA8-8787-822D-DDC3C3FFF203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5948436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</a:t>
            </a:r>
          </a:p>
        </p:txBody>
      </p:sp>
      <p:sp>
        <p:nvSpPr>
          <p:cNvPr id="258" name="OTLSHAPE_TB_00000000000000000000000000000000_MiddleTimescaleInterval13">
            <a:extLst>
              <a:ext uri="{FF2B5EF4-FFF2-40B4-BE49-F238E27FC236}">
                <a16:creationId xmlns:a16="http://schemas.microsoft.com/office/drawing/2014/main" id="{6F4707EC-1AF0-1D7A-65E7-17E525F0400E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6311762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</a:t>
            </a:r>
          </a:p>
        </p:txBody>
      </p:sp>
      <p:sp>
        <p:nvSpPr>
          <p:cNvPr id="260" name="OTLSHAPE_TB_00000000000000000000000000000000_MiddleTimescaleInterval14">
            <a:extLst>
              <a:ext uri="{FF2B5EF4-FFF2-40B4-BE49-F238E27FC236}">
                <a16:creationId xmlns:a16="http://schemas.microsoft.com/office/drawing/2014/main" id="{D4EB9A87-8AD2-C751-8EA6-99E7E95C06F6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6675089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</a:t>
            </a:r>
          </a:p>
        </p:txBody>
      </p:sp>
      <p:sp>
        <p:nvSpPr>
          <p:cNvPr id="262" name="OTLSHAPE_TB_00000000000000000000000000000000_MiddleTimescaleInterval15">
            <a:extLst>
              <a:ext uri="{FF2B5EF4-FFF2-40B4-BE49-F238E27FC236}">
                <a16:creationId xmlns:a16="http://schemas.microsoft.com/office/drawing/2014/main" id="{514C09DE-D20D-DE6A-580A-67981F5C9AF6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7038415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</a:t>
            </a:r>
          </a:p>
        </p:txBody>
      </p:sp>
      <p:sp>
        <p:nvSpPr>
          <p:cNvPr id="264" name="OTLSHAPE_TB_00000000000000000000000000000000_MiddleTimescaleInterval16">
            <a:extLst>
              <a:ext uri="{FF2B5EF4-FFF2-40B4-BE49-F238E27FC236}">
                <a16:creationId xmlns:a16="http://schemas.microsoft.com/office/drawing/2014/main" id="{55639DD9-ECE8-10AF-43F8-31C0EAEE93E1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7401742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</a:t>
            </a:r>
          </a:p>
        </p:txBody>
      </p:sp>
      <p:sp>
        <p:nvSpPr>
          <p:cNvPr id="266" name="OTLSHAPE_TB_00000000000000000000000000000000_MiddleTimescaleInterval17">
            <a:extLst>
              <a:ext uri="{FF2B5EF4-FFF2-40B4-BE49-F238E27FC236}">
                <a16:creationId xmlns:a16="http://schemas.microsoft.com/office/drawing/2014/main" id="{410D2D05-4748-AE40-BD3D-87C081D763ED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7765069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</a:t>
            </a:r>
          </a:p>
        </p:txBody>
      </p:sp>
      <p:sp>
        <p:nvSpPr>
          <p:cNvPr id="268" name="OTLSHAPE_TB_00000000000000000000000000000000_MiddleTimescaleInterval18">
            <a:extLst>
              <a:ext uri="{FF2B5EF4-FFF2-40B4-BE49-F238E27FC236}">
                <a16:creationId xmlns:a16="http://schemas.microsoft.com/office/drawing/2014/main" id="{A4B68053-6B4F-DF23-C1D4-FA1BEB69C19C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8128395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</a:t>
            </a:r>
          </a:p>
        </p:txBody>
      </p:sp>
      <p:sp>
        <p:nvSpPr>
          <p:cNvPr id="270" name="OTLSHAPE_TB_00000000000000000000000000000000_MiddleTimescaleInterval19">
            <a:extLst>
              <a:ext uri="{FF2B5EF4-FFF2-40B4-BE49-F238E27FC236}">
                <a16:creationId xmlns:a16="http://schemas.microsoft.com/office/drawing/2014/main" id="{397B2108-4245-2AF4-BC3D-8D36EC21A8BC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8491722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</a:t>
            </a:r>
          </a:p>
        </p:txBody>
      </p:sp>
      <p:sp>
        <p:nvSpPr>
          <p:cNvPr id="272" name="OTLSHAPE_TB_00000000000000000000000000000000_MiddleTimescaleInterval20">
            <a:extLst>
              <a:ext uri="{FF2B5EF4-FFF2-40B4-BE49-F238E27FC236}">
                <a16:creationId xmlns:a16="http://schemas.microsoft.com/office/drawing/2014/main" id="{788AA68C-F4C2-2A01-3695-9F7FA04AD19A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8855049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</a:t>
            </a:r>
          </a:p>
        </p:txBody>
      </p:sp>
      <p:sp>
        <p:nvSpPr>
          <p:cNvPr id="274" name="OTLSHAPE_TB_00000000000000000000000000000000_MiddleTimescaleInterval21">
            <a:extLst>
              <a:ext uri="{FF2B5EF4-FFF2-40B4-BE49-F238E27FC236}">
                <a16:creationId xmlns:a16="http://schemas.microsoft.com/office/drawing/2014/main" id="{5BFDF6A0-8E52-F83F-71D1-E1F1921E5515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9218375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 dirty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</a:t>
            </a:r>
          </a:p>
        </p:txBody>
      </p:sp>
      <p:sp>
        <p:nvSpPr>
          <p:cNvPr id="276" name="OTLSHAPE_TB_00000000000000000000000000000000_MiddleTimescaleInterval22">
            <a:extLst>
              <a:ext uri="{FF2B5EF4-FFF2-40B4-BE49-F238E27FC236}">
                <a16:creationId xmlns:a16="http://schemas.microsoft.com/office/drawing/2014/main" id="{1A8DA4EA-4F1C-606C-527B-CD5D214D8708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581702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</a:t>
            </a:r>
          </a:p>
        </p:txBody>
      </p:sp>
      <p:sp>
        <p:nvSpPr>
          <p:cNvPr id="278" name="OTLSHAPE_TB_00000000000000000000000000000000_MiddleTimescaleInterval23">
            <a:extLst>
              <a:ext uri="{FF2B5EF4-FFF2-40B4-BE49-F238E27FC236}">
                <a16:creationId xmlns:a16="http://schemas.microsoft.com/office/drawing/2014/main" id="{5CC3472E-59D0-FA22-D6ED-D7B68F8FFFD8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945029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</a:t>
            </a:r>
          </a:p>
        </p:txBody>
      </p:sp>
      <p:sp>
        <p:nvSpPr>
          <p:cNvPr id="280" name="OTLSHAPE_TB_00000000000000000000000000000000_MiddleTimescaleInterval24">
            <a:extLst>
              <a:ext uri="{FF2B5EF4-FFF2-40B4-BE49-F238E27FC236}">
                <a16:creationId xmlns:a16="http://schemas.microsoft.com/office/drawing/2014/main" id="{A4284F34-E60A-FEF0-7D3B-1F58C55D0850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0308355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4</a:t>
            </a:r>
          </a:p>
        </p:txBody>
      </p:sp>
      <p:sp>
        <p:nvSpPr>
          <p:cNvPr id="282" name="OTLSHAPE_TB_00000000000000000000000000000000_MiddleTimescaleInterval25">
            <a:extLst>
              <a:ext uri="{FF2B5EF4-FFF2-40B4-BE49-F238E27FC236}">
                <a16:creationId xmlns:a16="http://schemas.microsoft.com/office/drawing/2014/main" id="{45473E83-46AD-C7DF-585C-9AC27AB5B7B4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0671682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</a:t>
            </a:r>
          </a:p>
        </p:txBody>
      </p:sp>
      <p:sp>
        <p:nvSpPr>
          <p:cNvPr id="284" name="OTLSHAPE_TB_00000000000000000000000000000000_MiddleTimescaleInterval26">
            <a:extLst>
              <a:ext uri="{FF2B5EF4-FFF2-40B4-BE49-F238E27FC236}">
                <a16:creationId xmlns:a16="http://schemas.microsoft.com/office/drawing/2014/main" id="{FB35E967-6442-3061-E1DC-0FFE442ED22A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1035009" y="1080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6</a:t>
            </a:r>
          </a:p>
        </p:txBody>
      </p:sp>
      <p:sp>
        <p:nvSpPr>
          <p:cNvPr id="6" name="OTLSHAPE_TB_00000000000000000000000000000000_MiddleTimescaleInterval1" hidden="1">
            <a:extLst>
              <a:ext uri="{FF2B5EF4-FFF2-40B4-BE49-F238E27FC236}">
                <a16:creationId xmlns:a16="http://schemas.microsoft.com/office/drawing/2014/main" id="{7CCEBB12-1E6F-2F80-64AA-F3185C0EB550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668" y="58866"/>
            <a:ext cx="3683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D0D0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1</a:t>
            </a:r>
          </a:p>
        </p:txBody>
      </p:sp>
      <p:sp>
        <p:nvSpPr>
          <p:cNvPr id="22" name="OTLSHAPE_TB_00000000000000000000000000000000_TodayMarkerText" hidden="1">
            <a:extLst>
              <a:ext uri="{FF2B5EF4-FFF2-40B4-BE49-F238E27FC236}">
                <a16:creationId xmlns:a16="http://schemas.microsoft.com/office/drawing/2014/main" id="{0566A4B9-450E-CDFC-A504-9FE3C3BD04E1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856345" y="643494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56" name="OTLSHAPE_SLT_be22d075298b471daa3f3808728e11d0_Duration" hidden="1">
            <a:extLst>
              <a:ext uri="{FF2B5EF4-FFF2-40B4-BE49-F238E27FC236}">
                <a16:creationId xmlns:a16="http://schemas.microsoft.com/office/drawing/2014/main" id="{81F458EC-967A-E9D0-FB9E-EC7C435C186B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days</a:t>
            </a:r>
          </a:p>
        </p:txBody>
      </p:sp>
      <p:sp>
        <p:nvSpPr>
          <p:cNvPr id="59" name="OTLSHAPE_SLT_be22d075298b471daa3f3808728e11d0_TextPercentage" hidden="1">
            <a:extLst>
              <a:ext uri="{FF2B5EF4-FFF2-40B4-BE49-F238E27FC236}">
                <a16:creationId xmlns:a16="http://schemas.microsoft.com/office/drawing/2014/main" id="{0A6E9922-6B58-41A9-0860-31DE9865EFE9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61" name="OTLSHAPE_SLT_be22d075298b471daa3f3808728e11d0_Variance" hidden="1">
            <a:extLst>
              <a:ext uri="{FF2B5EF4-FFF2-40B4-BE49-F238E27FC236}">
                <a16:creationId xmlns:a16="http://schemas.microsoft.com/office/drawing/2014/main" id="{601847D8-FB87-95BE-8457-6677E56157F1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1172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62" name="OTLSHAPE_SLT_be22d075298b471daa3f3808728e11d0_StartDate" hidden="1">
            <a:extLst>
              <a:ext uri="{FF2B5EF4-FFF2-40B4-BE49-F238E27FC236}">
                <a16:creationId xmlns:a16="http://schemas.microsoft.com/office/drawing/2014/main" id="{A9946958-2103-BBE3-DD8D-0491465E7DFC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" name="OTLSHAPE_SLT_be22d075298b471daa3f3808728e11d0_EndDate" hidden="1">
            <a:extLst>
              <a:ext uri="{FF2B5EF4-FFF2-40B4-BE49-F238E27FC236}">
                <a16:creationId xmlns:a16="http://schemas.microsoft.com/office/drawing/2014/main" id="{21DD4B8D-CFAB-559A-90A8-9B58B84673C1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8" name="OTLSHAPE_SLT_36adbc561f734ca7b4dc259e243f02ed_Duration" hidden="1">
            <a:extLst>
              <a:ext uri="{FF2B5EF4-FFF2-40B4-BE49-F238E27FC236}">
                <a16:creationId xmlns:a16="http://schemas.microsoft.com/office/drawing/2014/main" id="{28EA0C2E-24EB-9EA1-C319-B607AA016988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73" name="OTLSHAPE_SLT_36adbc561f734ca7b4dc259e243f02ed_TextPercentage" hidden="1">
            <a:extLst>
              <a:ext uri="{FF2B5EF4-FFF2-40B4-BE49-F238E27FC236}">
                <a16:creationId xmlns:a16="http://schemas.microsoft.com/office/drawing/2014/main" id="{164CCCBC-522E-1168-F90B-0BFD85B0F970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74" name="OTLSHAPE_SLT_36adbc561f734ca7b4dc259e243f02ed_Variance">
            <a:extLst>
              <a:ext uri="{FF2B5EF4-FFF2-40B4-BE49-F238E27FC236}">
                <a16:creationId xmlns:a16="http://schemas.microsoft.com/office/drawing/2014/main" id="{1BD5A608-BDBC-B9C5-59FD-68A4EE72FEB0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2167836" y="172989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>
                <a:ln>
                  <a:noFill/>
                </a:ln>
                <a:solidFill>
                  <a:srgbClr val="A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 days</a:t>
            </a:r>
          </a:p>
        </p:txBody>
      </p:sp>
      <p:sp>
        <p:nvSpPr>
          <p:cNvPr id="75" name="OTLSHAPE_SLT_36adbc561f734ca7b4dc259e243f02ed_StartDate" hidden="1">
            <a:extLst>
              <a:ext uri="{FF2B5EF4-FFF2-40B4-BE49-F238E27FC236}">
                <a16:creationId xmlns:a16="http://schemas.microsoft.com/office/drawing/2014/main" id="{EBEF6FC5-418B-22EE-A2EF-D9FD57180265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6" name="OTLSHAPE_SLT_36adbc561f734ca7b4dc259e243f02ed_EndDate" hidden="1">
            <a:extLst>
              <a:ext uri="{FF2B5EF4-FFF2-40B4-BE49-F238E27FC236}">
                <a16:creationId xmlns:a16="http://schemas.microsoft.com/office/drawing/2014/main" id="{20F99A48-4712-A118-732E-920BD7B6A1E5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1" name="OTLSHAPE_SLT_2868068b7eb64c58a3696756ce46f82d_Duration" hidden="1">
            <a:extLst>
              <a:ext uri="{FF2B5EF4-FFF2-40B4-BE49-F238E27FC236}">
                <a16:creationId xmlns:a16="http://schemas.microsoft.com/office/drawing/2014/main" id="{C6AD7747-C797-5A12-BEFC-A8828ACBB5AA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 days</a:t>
            </a:r>
          </a:p>
        </p:txBody>
      </p:sp>
      <p:sp>
        <p:nvSpPr>
          <p:cNvPr id="82" name="OTLSHAPE_SLT_2868068b7eb64c58a3696756ce46f82d_TextPercentage" hidden="1">
            <a:extLst>
              <a:ext uri="{FF2B5EF4-FFF2-40B4-BE49-F238E27FC236}">
                <a16:creationId xmlns:a16="http://schemas.microsoft.com/office/drawing/2014/main" id="{550C91CE-CA95-6D9C-F10D-06A752B57429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3" name="OTLSHAPE_SLT_2868068b7eb64c58a3696756ce46f82d_Variance" hidden="1">
            <a:extLst>
              <a:ext uri="{FF2B5EF4-FFF2-40B4-BE49-F238E27FC236}">
                <a16:creationId xmlns:a16="http://schemas.microsoft.com/office/drawing/2014/main" id="{3A8B0F55-C646-476A-A728-18FF49171260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1172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88" name="OTLSHAPE_SLT_2868068b7eb64c58a3696756ce46f82d_StartDate" hidden="1">
            <a:extLst>
              <a:ext uri="{FF2B5EF4-FFF2-40B4-BE49-F238E27FC236}">
                <a16:creationId xmlns:a16="http://schemas.microsoft.com/office/drawing/2014/main" id="{51A280E7-54F1-7DF1-7B8A-9CFA1C6D73E5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9" name="OTLSHAPE_SLT_2868068b7eb64c58a3696756ce46f82d_EndDate" hidden="1">
            <a:extLst>
              <a:ext uri="{FF2B5EF4-FFF2-40B4-BE49-F238E27FC236}">
                <a16:creationId xmlns:a16="http://schemas.microsoft.com/office/drawing/2014/main" id="{89BEA218-BC61-C90B-3251-EC81A6E83F29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" name="OTLSHAPE_SLT_553db94ed75440bf8c176eac25853850_Duration" hidden="1">
            <a:extLst>
              <a:ext uri="{FF2B5EF4-FFF2-40B4-BE49-F238E27FC236}">
                <a16:creationId xmlns:a16="http://schemas.microsoft.com/office/drawing/2014/main" id="{C5DB0BBC-861D-462F-E042-2DB243344C0B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 days</a:t>
            </a:r>
          </a:p>
        </p:txBody>
      </p:sp>
      <p:sp>
        <p:nvSpPr>
          <p:cNvPr id="98" name="OTLSHAPE_SLT_553db94ed75440bf8c176eac25853850_TextPercentage" hidden="1">
            <a:extLst>
              <a:ext uri="{FF2B5EF4-FFF2-40B4-BE49-F238E27FC236}">
                <a16:creationId xmlns:a16="http://schemas.microsoft.com/office/drawing/2014/main" id="{74BF22F6-C325-5854-5800-B655E73D7A18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9" name="OTLSHAPE_SLT_553db94ed75440bf8c176eac25853850_Variance" hidden="1">
            <a:extLst>
              <a:ext uri="{FF2B5EF4-FFF2-40B4-BE49-F238E27FC236}">
                <a16:creationId xmlns:a16="http://schemas.microsoft.com/office/drawing/2014/main" id="{7992D319-7BAC-1471-717D-16D8F3D2E359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-1172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00" name="OTLSHAPE_SLT_553db94ed75440bf8c176eac25853850_StartDate" hidden="1">
            <a:extLst>
              <a:ext uri="{FF2B5EF4-FFF2-40B4-BE49-F238E27FC236}">
                <a16:creationId xmlns:a16="http://schemas.microsoft.com/office/drawing/2014/main" id="{F26F757D-EC1A-9CA7-B13C-2AAC4122463B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1" name="OTLSHAPE_SLT_553db94ed75440bf8c176eac25853850_EndDate" hidden="1">
            <a:extLst>
              <a:ext uri="{FF2B5EF4-FFF2-40B4-BE49-F238E27FC236}">
                <a16:creationId xmlns:a16="http://schemas.microsoft.com/office/drawing/2014/main" id="{B2AE13CD-6674-06C1-4D2C-5690979A1C62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SLT_a2e7a74eae8c496da5a2f63955b0f273_Duration" hidden="1">
            <a:extLst>
              <a:ext uri="{FF2B5EF4-FFF2-40B4-BE49-F238E27FC236}">
                <a16:creationId xmlns:a16="http://schemas.microsoft.com/office/drawing/2014/main" id="{0C197CCB-C8D2-2C10-3199-5A5C114BE0AE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 days</a:t>
            </a:r>
          </a:p>
        </p:txBody>
      </p:sp>
      <p:sp>
        <p:nvSpPr>
          <p:cNvPr id="111" name="OTLSHAPE_SLT_a2e7a74eae8c496da5a2f63955b0f273_TextPercentage" hidden="1">
            <a:extLst>
              <a:ext uri="{FF2B5EF4-FFF2-40B4-BE49-F238E27FC236}">
                <a16:creationId xmlns:a16="http://schemas.microsoft.com/office/drawing/2014/main" id="{5D7A0CAA-3639-A4E4-73EA-7BA4C640E2D8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2" name="OTLSHAPE_SLT_a2e7a74eae8c496da5a2f63955b0f273_Variance" hidden="1">
            <a:extLst>
              <a:ext uri="{FF2B5EF4-FFF2-40B4-BE49-F238E27FC236}">
                <a16:creationId xmlns:a16="http://schemas.microsoft.com/office/drawing/2014/main" id="{F52809D6-DDB1-3076-9B07-B0F00F90725E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1172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13" name="OTLSHAPE_SLT_a2e7a74eae8c496da5a2f63955b0f273_StartDate" hidden="1">
            <a:extLst>
              <a:ext uri="{FF2B5EF4-FFF2-40B4-BE49-F238E27FC236}">
                <a16:creationId xmlns:a16="http://schemas.microsoft.com/office/drawing/2014/main" id="{69F9E4E7-DB75-DB9F-759F-13B9B56AB4F5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SLT_a2e7a74eae8c496da5a2f63955b0f273_EndDate" hidden="1">
            <a:extLst>
              <a:ext uri="{FF2B5EF4-FFF2-40B4-BE49-F238E27FC236}">
                <a16:creationId xmlns:a16="http://schemas.microsoft.com/office/drawing/2014/main" id="{7D6F1D6C-9EDF-7136-4B35-FC6FCD7F6B74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OTLSHAPE_SLT_0aa0556c428041439074d15b468aa89e_Duration" hidden="1">
            <a:extLst>
              <a:ext uri="{FF2B5EF4-FFF2-40B4-BE49-F238E27FC236}">
                <a16:creationId xmlns:a16="http://schemas.microsoft.com/office/drawing/2014/main" id="{D12C8828-A629-4BBA-F88B-F90A53304DEB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days</a:t>
            </a:r>
          </a:p>
        </p:txBody>
      </p:sp>
      <p:sp>
        <p:nvSpPr>
          <p:cNvPr id="121" name="OTLSHAPE_SLT_0aa0556c428041439074d15b468aa89e_TextPercentage" hidden="1">
            <a:extLst>
              <a:ext uri="{FF2B5EF4-FFF2-40B4-BE49-F238E27FC236}">
                <a16:creationId xmlns:a16="http://schemas.microsoft.com/office/drawing/2014/main" id="{83166210-1234-7B99-713B-C2478D62B89B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22" name="OTLSHAPE_SLT_0aa0556c428041439074d15b468aa89e_Variance" hidden="1">
            <a:extLst>
              <a:ext uri="{FF2B5EF4-FFF2-40B4-BE49-F238E27FC236}">
                <a16:creationId xmlns:a16="http://schemas.microsoft.com/office/drawing/2014/main" id="{2CF1CD62-F636-5A5E-29D8-CD3379403D4F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1172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25" name="OTLSHAPE_SLT_0aa0556c428041439074d15b468aa89e_StartDate" hidden="1">
            <a:extLst>
              <a:ext uri="{FF2B5EF4-FFF2-40B4-BE49-F238E27FC236}">
                <a16:creationId xmlns:a16="http://schemas.microsoft.com/office/drawing/2014/main" id="{E8ECC828-0053-D54F-D806-A2972155EEE7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0" name="OTLSHAPE_SLT_0aa0556c428041439074d15b468aa89e_EndDate" hidden="1">
            <a:extLst>
              <a:ext uri="{FF2B5EF4-FFF2-40B4-BE49-F238E27FC236}">
                <a16:creationId xmlns:a16="http://schemas.microsoft.com/office/drawing/2014/main" id="{6807BA20-5684-9AFC-8266-C1AA9C6948AE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3" name="OTLSHAPE_SLT_0bd20d123c2d47d2b52de2e27184fb4b_Duration" hidden="1">
            <a:extLst>
              <a:ext uri="{FF2B5EF4-FFF2-40B4-BE49-F238E27FC236}">
                <a16:creationId xmlns:a16="http://schemas.microsoft.com/office/drawing/2014/main" id="{A0C3B972-28A3-2D0F-BF41-2FB6A8F872A2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134" name="OTLSHAPE_SLT_0bd20d123c2d47d2b52de2e27184fb4b_TextPercentage" hidden="1">
            <a:extLst>
              <a:ext uri="{FF2B5EF4-FFF2-40B4-BE49-F238E27FC236}">
                <a16:creationId xmlns:a16="http://schemas.microsoft.com/office/drawing/2014/main" id="{2C5CA74D-9188-CC18-82DC-A37A9346F0FD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0bd20d123c2d47d2b52de2e27184fb4b_Variance">
            <a:extLst>
              <a:ext uri="{FF2B5EF4-FFF2-40B4-BE49-F238E27FC236}">
                <a16:creationId xmlns:a16="http://schemas.microsoft.com/office/drawing/2014/main" id="{525E4322-8D95-7C53-42AB-CC1A9A10635A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3828758" y="366622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>
                <a:ln>
                  <a:noFill/>
                </a:ln>
                <a:solidFill>
                  <a:srgbClr val="A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3 days</a:t>
            </a:r>
          </a:p>
        </p:txBody>
      </p:sp>
      <p:sp>
        <p:nvSpPr>
          <p:cNvPr id="142" name="OTLSHAPE_SLT_0bd20d123c2d47d2b52de2e27184fb4b_StartDate" hidden="1">
            <a:extLst>
              <a:ext uri="{FF2B5EF4-FFF2-40B4-BE49-F238E27FC236}">
                <a16:creationId xmlns:a16="http://schemas.microsoft.com/office/drawing/2014/main" id="{0216CCE0-B941-C0B8-66EB-C6974BC2E8D6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3" name="OTLSHAPE_SLT_0bd20d123c2d47d2b52de2e27184fb4b_EndDate" hidden="1">
            <a:extLst>
              <a:ext uri="{FF2B5EF4-FFF2-40B4-BE49-F238E27FC236}">
                <a16:creationId xmlns:a16="http://schemas.microsoft.com/office/drawing/2014/main" id="{6D421945-64B4-D3DA-C658-4A0BD45C5E10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6" name="OTLSHAPE_SLT_17ef602d8fe04ab08020564b09f66c51_Duration" hidden="1">
            <a:extLst>
              <a:ext uri="{FF2B5EF4-FFF2-40B4-BE49-F238E27FC236}">
                <a16:creationId xmlns:a16="http://schemas.microsoft.com/office/drawing/2014/main" id="{A81F50D6-F563-3097-C9A1-3240E27330D4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 days</a:t>
            </a:r>
          </a:p>
        </p:txBody>
      </p:sp>
      <p:sp>
        <p:nvSpPr>
          <p:cNvPr id="149" name="OTLSHAPE_SLT_17ef602d8fe04ab08020564b09f66c51_TextPercentage" hidden="1">
            <a:extLst>
              <a:ext uri="{FF2B5EF4-FFF2-40B4-BE49-F238E27FC236}">
                <a16:creationId xmlns:a16="http://schemas.microsoft.com/office/drawing/2014/main" id="{F44E8288-2B06-F308-2FAF-BD522D830B36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4" name="OTLSHAPE_SLT_17ef602d8fe04ab08020564b09f66c51_Variance" hidden="1">
            <a:extLst>
              <a:ext uri="{FF2B5EF4-FFF2-40B4-BE49-F238E27FC236}">
                <a16:creationId xmlns:a16="http://schemas.microsoft.com/office/drawing/2014/main" id="{900303D2-F0C3-B097-9CF2-737BEA726E81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4099241" y="3912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  <a:endParaRPr kumimoji="0" lang="en-US" sz="900" b="0" i="0" u="none" strike="noStrike" kern="1200" cap="none" spc="-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5" name="OTLSHAPE_SLT_17ef602d8fe04ab08020564b09f66c51_StartDate" hidden="1">
            <a:extLst>
              <a:ext uri="{FF2B5EF4-FFF2-40B4-BE49-F238E27FC236}">
                <a16:creationId xmlns:a16="http://schemas.microsoft.com/office/drawing/2014/main" id="{755D8AE4-3F78-8793-7F12-15F1BC42F418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6" name="OTLSHAPE_SLT_17ef602d8fe04ab08020564b09f66c51_EndDate" hidden="1">
            <a:extLst>
              <a:ext uri="{FF2B5EF4-FFF2-40B4-BE49-F238E27FC236}">
                <a16:creationId xmlns:a16="http://schemas.microsoft.com/office/drawing/2014/main" id="{5422824F-D094-23F4-F486-25ABB6ED7CEF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1" name="OTLSHAPE_SLT_81d966d7ebeb4b5ba65c9413d3b4a59a_Duration" hidden="1">
            <a:extLst>
              <a:ext uri="{FF2B5EF4-FFF2-40B4-BE49-F238E27FC236}">
                <a16:creationId xmlns:a16="http://schemas.microsoft.com/office/drawing/2014/main" id="{6B5ACBAA-518F-88D3-C13C-0454B8ABB0B5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days</a:t>
            </a:r>
          </a:p>
        </p:txBody>
      </p:sp>
      <p:sp>
        <p:nvSpPr>
          <p:cNvPr id="162" name="OTLSHAPE_SLT_81d966d7ebeb4b5ba65c9413d3b4a59a_TextPercentage" hidden="1">
            <a:extLst>
              <a:ext uri="{FF2B5EF4-FFF2-40B4-BE49-F238E27FC236}">
                <a16:creationId xmlns:a16="http://schemas.microsoft.com/office/drawing/2014/main" id="{BF4B6F19-9E67-460C-3F91-CBD04BEF9AA4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63" name="OTLSHAPE_SLT_81d966d7ebeb4b5ba65c9413d3b4a59a_Variance">
            <a:extLst>
              <a:ext uri="{FF2B5EF4-FFF2-40B4-BE49-F238E27FC236}">
                <a16:creationId xmlns:a16="http://schemas.microsoft.com/office/drawing/2014/main" id="{5E27C792-A1DD-FA58-1558-5AB57D2E18A7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5293029" y="4230439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srgbClr val="006E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-2 days</a:t>
            </a:r>
          </a:p>
        </p:txBody>
      </p:sp>
      <p:sp>
        <p:nvSpPr>
          <p:cNvPr id="164" name="OTLSHAPE_SLT_81d966d7ebeb4b5ba65c9413d3b4a59a_StartDate" hidden="1">
            <a:extLst>
              <a:ext uri="{FF2B5EF4-FFF2-40B4-BE49-F238E27FC236}">
                <a16:creationId xmlns:a16="http://schemas.microsoft.com/office/drawing/2014/main" id="{D47D16D4-3B57-779A-18F5-BFC11F8FE752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9" name="OTLSHAPE_SLT_81d966d7ebeb4b5ba65c9413d3b4a59a_EndDate" hidden="1">
            <a:extLst>
              <a:ext uri="{FF2B5EF4-FFF2-40B4-BE49-F238E27FC236}">
                <a16:creationId xmlns:a16="http://schemas.microsoft.com/office/drawing/2014/main" id="{9FBD11CD-45F6-6A52-7377-D736039304D2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2" name="OTLSHAPE_SLT_6714b4d26f4941349dbee033f317c7b0_Duration" hidden="1">
            <a:extLst>
              <a:ext uri="{FF2B5EF4-FFF2-40B4-BE49-F238E27FC236}">
                <a16:creationId xmlns:a16="http://schemas.microsoft.com/office/drawing/2014/main" id="{9B913B76-C6D5-676C-AEED-C915CEEE9F73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 days</a:t>
            </a:r>
          </a:p>
        </p:txBody>
      </p:sp>
      <p:sp>
        <p:nvSpPr>
          <p:cNvPr id="173" name="OTLSHAPE_SLT_6714b4d26f4941349dbee033f317c7b0_TextPercentage" hidden="1">
            <a:extLst>
              <a:ext uri="{FF2B5EF4-FFF2-40B4-BE49-F238E27FC236}">
                <a16:creationId xmlns:a16="http://schemas.microsoft.com/office/drawing/2014/main" id="{CA276771-5A3E-5553-93C1-836847804FF0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76" name="OTLSHAPE_SLT_6714b4d26f4941349dbee033f317c7b0_Variance" hidden="1">
            <a:extLst>
              <a:ext uri="{FF2B5EF4-FFF2-40B4-BE49-F238E27FC236}">
                <a16:creationId xmlns:a16="http://schemas.microsoft.com/office/drawing/2014/main" id="{86D004C6-F2FF-54B6-4878-C1C5F3140FD1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2700" y="-1172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78" name="OTLSHAPE_SLT_6714b4d26f4941349dbee033f317c7b0_StartDate" hidden="1">
            <a:extLst>
              <a:ext uri="{FF2B5EF4-FFF2-40B4-BE49-F238E27FC236}">
                <a16:creationId xmlns:a16="http://schemas.microsoft.com/office/drawing/2014/main" id="{5D078BC1-5D88-FBB4-52D4-759A0FD00CD3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9" name="OTLSHAPE_SLT_6714b4d26f4941349dbee033f317c7b0_EndDate" hidden="1">
            <a:extLst>
              <a:ext uri="{FF2B5EF4-FFF2-40B4-BE49-F238E27FC236}">
                <a16:creationId xmlns:a16="http://schemas.microsoft.com/office/drawing/2014/main" id="{5E0EE216-4622-4131-360B-9A5E8C99DB04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0" name="OTLSHAPE_SLT_6107c100515b4555a00e37bcc3766c71_Duration" hidden="1">
            <a:extLst>
              <a:ext uri="{FF2B5EF4-FFF2-40B4-BE49-F238E27FC236}">
                <a16:creationId xmlns:a16="http://schemas.microsoft.com/office/drawing/2014/main" id="{1693C48F-708F-CE38-0147-5A1D80D2C673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days</a:t>
            </a:r>
          </a:p>
        </p:txBody>
      </p:sp>
      <p:sp>
        <p:nvSpPr>
          <p:cNvPr id="191" name="OTLSHAPE_SLT_6107c100515b4555a00e37bcc3766c71_TextPercentage" hidden="1">
            <a:extLst>
              <a:ext uri="{FF2B5EF4-FFF2-40B4-BE49-F238E27FC236}">
                <a16:creationId xmlns:a16="http://schemas.microsoft.com/office/drawing/2014/main" id="{AABB7724-BE5A-7B02-5B05-488C733576A2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2" name="OTLSHAPE_SLT_6107c100515b4555a00e37bcc3766c71_Variance" hidden="1">
            <a:extLst>
              <a:ext uri="{FF2B5EF4-FFF2-40B4-BE49-F238E27FC236}">
                <a16:creationId xmlns:a16="http://schemas.microsoft.com/office/drawing/2014/main" id="{D6501F81-8E92-8FD6-42BD-8BCD41F0A3C2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12700" y="-1172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93" name="OTLSHAPE_SLT_6107c100515b4555a00e37bcc3766c71_StartDate" hidden="1">
            <a:extLst>
              <a:ext uri="{FF2B5EF4-FFF2-40B4-BE49-F238E27FC236}">
                <a16:creationId xmlns:a16="http://schemas.microsoft.com/office/drawing/2014/main" id="{C2D3DA94-D6EC-BC34-8781-01C9D1E42270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4" name="OTLSHAPE_SLT_6107c100515b4555a00e37bcc3766c71_EndDate" hidden="1">
            <a:extLst>
              <a:ext uri="{FF2B5EF4-FFF2-40B4-BE49-F238E27FC236}">
                <a16:creationId xmlns:a16="http://schemas.microsoft.com/office/drawing/2014/main" id="{9F6984E8-D14F-00D6-541D-92F3EA08137D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3" name="OTLSHAPE_SLT_fdb078ea4dba4720af72d64d9176e36e_Duration" hidden="1">
            <a:extLst>
              <a:ext uri="{FF2B5EF4-FFF2-40B4-BE49-F238E27FC236}">
                <a16:creationId xmlns:a16="http://schemas.microsoft.com/office/drawing/2014/main" id="{2BD3EC1F-937A-9501-2B8B-92E86AC5A205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204" name="OTLSHAPE_SLT_fdb078ea4dba4720af72d64d9176e36e_TextPercentage" hidden="1">
            <a:extLst>
              <a:ext uri="{FF2B5EF4-FFF2-40B4-BE49-F238E27FC236}">
                <a16:creationId xmlns:a16="http://schemas.microsoft.com/office/drawing/2014/main" id="{84B53EB8-413D-0D1A-AE6D-B3CC1160B388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05" name="OTLSHAPE_SLT_fdb078ea4dba4720af72d64d9176e36e_Variance" hidden="1">
            <a:extLst>
              <a:ext uri="{FF2B5EF4-FFF2-40B4-BE49-F238E27FC236}">
                <a16:creationId xmlns:a16="http://schemas.microsoft.com/office/drawing/2014/main" id="{5D3DE3AD-5DAF-70DF-7A33-69F30B5EBBBC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7254409" y="52064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  <a:endParaRPr kumimoji="0" lang="en-US" sz="900" b="0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6" name="OTLSHAPE_SLT_fdb078ea4dba4720af72d64d9176e36e_StartDate" hidden="1">
            <a:extLst>
              <a:ext uri="{FF2B5EF4-FFF2-40B4-BE49-F238E27FC236}">
                <a16:creationId xmlns:a16="http://schemas.microsoft.com/office/drawing/2014/main" id="{EA7FB4BF-75BC-D4F3-EA49-B1B1C769292F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9" name="OTLSHAPE_SLT_fdb078ea4dba4720af72d64d9176e36e_EndDate" hidden="1">
            <a:extLst>
              <a:ext uri="{FF2B5EF4-FFF2-40B4-BE49-F238E27FC236}">
                <a16:creationId xmlns:a16="http://schemas.microsoft.com/office/drawing/2014/main" id="{F9E77191-7749-5F23-BAE6-D38BD2895961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2" name="OTLSHAPE_SLT_4bd86f79fe1b4448af616dfaccd0064d_Duration" hidden="1">
            <a:extLst>
              <a:ext uri="{FF2B5EF4-FFF2-40B4-BE49-F238E27FC236}">
                <a16:creationId xmlns:a16="http://schemas.microsoft.com/office/drawing/2014/main" id="{3C8778EF-4C7E-9AC3-7BE5-BF17A9479875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 days</a:t>
            </a:r>
          </a:p>
        </p:txBody>
      </p:sp>
      <p:sp>
        <p:nvSpPr>
          <p:cNvPr id="218" name="OTLSHAPE_SLT_4bd86f79fe1b4448af616dfaccd0064d_TextPercentage" hidden="1">
            <a:extLst>
              <a:ext uri="{FF2B5EF4-FFF2-40B4-BE49-F238E27FC236}">
                <a16:creationId xmlns:a16="http://schemas.microsoft.com/office/drawing/2014/main" id="{AD7E5472-B8FA-098A-4C57-6CEC82AF609C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19" name="OTLSHAPE_SLT_4bd86f79fe1b4448af616dfaccd0064d_Variance">
            <a:extLst>
              <a:ext uri="{FF2B5EF4-FFF2-40B4-BE49-F238E27FC236}">
                <a16:creationId xmlns:a16="http://schemas.microsoft.com/office/drawing/2014/main" id="{7810CB32-4D01-1F5A-86EE-970F100D499D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7676475" y="5453195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srgbClr val="006E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-1 day</a:t>
            </a:r>
            <a:endParaRPr kumimoji="0" lang="en-US" sz="900" b="0" i="0" u="none" strike="noStrike" kern="1200" cap="none" spc="-2" normalizeH="0" baseline="0" noProof="0" dirty="0">
              <a:ln>
                <a:noFill/>
              </a:ln>
              <a:solidFill>
                <a:srgbClr val="006E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0" name="OTLSHAPE_SLT_4bd86f79fe1b4448af616dfaccd0064d_StartDate" hidden="1">
            <a:extLst>
              <a:ext uri="{FF2B5EF4-FFF2-40B4-BE49-F238E27FC236}">
                <a16:creationId xmlns:a16="http://schemas.microsoft.com/office/drawing/2014/main" id="{CDEC8283-8481-C961-7E85-08751A5A4570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1" name="OTLSHAPE_SLT_4bd86f79fe1b4448af616dfaccd0064d_EndDate" hidden="1">
            <a:extLst>
              <a:ext uri="{FF2B5EF4-FFF2-40B4-BE49-F238E27FC236}">
                <a16:creationId xmlns:a16="http://schemas.microsoft.com/office/drawing/2014/main" id="{2E23F216-4810-C194-A9D2-34E473F358C9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0" name="OTLSHAPE_SLT_4a0d7f7cf92a45289ae48e6b0807740f_Duration" hidden="1">
            <a:extLst>
              <a:ext uri="{FF2B5EF4-FFF2-40B4-BE49-F238E27FC236}">
                <a16:creationId xmlns:a16="http://schemas.microsoft.com/office/drawing/2014/main" id="{F1BE960D-1C41-B265-4EEF-C07BE77F0F91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days</a:t>
            </a:r>
          </a:p>
        </p:txBody>
      </p:sp>
      <p:sp>
        <p:nvSpPr>
          <p:cNvPr id="233" name="OTLSHAPE_SLT_4a0d7f7cf92a45289ae48e6b0807740f_TextPercentage" hidden="1">
            <a:extLst>
              <a:ext uri="{FF2B5EF4-FFF2-40B4-BE49-F238E27FC236}">
                <a16:creationId xmlns:a16="http://schemas.microsoft.com/office/drawing/2014/main" id="{62586BF8-BDCE-AB96-6606-319775540845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12700" y="2917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34" name="OTLSHAPE_SLT_4a0d7f7cf92a45289ae48e6b0807740f_Variance" hidden="1">
            <a:extLst>
              <a:ext uri="{FF2B5EF4-FFF2-40B4-BE49-F238E27FC236}">
                <a16:creationId xmlns:a16="http://schemas.microsoft.com/office/drawing/2014/main" id="{752C4E5D-B29F-296D-5842-AAD1BCB02B88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12700" y="-1172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85" name="OTLSHAPE_SLT_4a0d7f7cf92a45289ae48e6b0807740f_StartDate" hidden="1">
            <a:extLst>
              <a:ext uri="{FF2B5EF4-FFF2-40B4-BE49-F238E27FC236}">
                <a16:creationId xmlns:a16="http://schemas.microsoft.com/office/drawing/2014/main" id="{30F05BF0-DF55-C57A-DFE1-C3BC67540155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6" name="OTLSHAPE_SLT_4a0d7f7cf92a45289ae48e6b0807740f_EndDate" hidden="1">
            <a:extLst>
              <a:ext uri="{FF2B5EF4-FFF2-40B4-BE49-F238E27FC236}">
                <a16:creationId xmlns:a16="http://schemas.microsoft.com/office/drawing/2014/main" id="{BDEAB875-D68D-2296-3977-9E77C8B6C0A0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9" name="OTLSHAPE_SLM_95d243911874419ba2cdaa5e7ba52f2c_Date" hidden="1">
            <a:extLst>
              <a:ext uri="{FF2B5EF4-FFF2-40B4-BE49-F238E27FC236}">
                <a16:creationId xmlns:a16="http://schemas.microsoft.com/office/drawing/2014/main" id="{12CA28FA-A759-4376-A126-0FC36D51E09A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12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FEC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8</a:t>
            </a:r>
          </a:p>
        </p:txBody>
      </p:sp>
      <p:sp>
        <p:nvSpPr>
          <p:cNvPr id="311" name="OTLSHAPE_SLM_95d243911874419ba2cdaa5e7ba52f2c_Variance" hidden="1">
            <a:extLst>
              <a:ext uri="{FF2B5EF4-FFF2-40B4-BE49-F238E27FC236}">
                <a16:creationId xmlns:a16="http://schemas.microsoft.com/office/drawing/2014/main" id="{EAA72E29-12D4-7FDA-2DC2-6FD5DF5803B7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314" name="OTLSHAPE_SLM_a134d8eb28a34cfbbf642d960090ed28_Date" hidden="1">
            <a:extLst>
              <a:ext uri="{FF2B5EF4-FFF2-40B4-BE49-F238E27FC236}">
                <a16:creationId xmlns:a16="http://schemas.microsoft.com/office/drawing/2014/main" id="{F27F2525-0FFD-D32F-8623-0F8B7E447A9F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12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FEC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4</a:t>
            </a:r>
          </a:p>
        </p:txBody>
      </p:sp>
      <p:sp>
        <p:nvSpPr>
          <p:cNvPr id="317" name="OTLSHAPE_SLM_a134d8eb28a34cfbbf642d960090ed28_Variance" hidden="1">
            <a:extLst>
              <a:ext uri="{FF2B5EF4-FFF2-40B4-BE49-F238E27FC236}">
                <a16:creationId xmlns:a16="http://schemas.microsoft.com/office/drawing/2014/main" id="{ACD240A5-6781-D1B7-0965-CDB2F345F07F}"/>
              </a:ext>
            </a:extLst>
          </p:cNvPr>
          <p:cNvSpPr txBox="1"/>
          <p:nvPr>
            <p:custDataLst>
              <p:tags r:id="rId274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26EAB53B-A366-993F-7F42-AEEEBD5BB7FE}"/>
              </a:ext>
            </a:extLst>
          </p:cNvPr>
          <p:cNvCxnSpPr/>
          <p:nvPr>
            <p:custDataLst>
              <p:tags r:id="rId275"/>
            </p:custDataLst>
          </p:nvPr>
        </p:nvCxnSpPr>
        <p:spPr>
          <a:xfrm>
            <a:off x="3510060" y="908797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CE83DB7-7DF1-8E89-3925-ADDBB0E10EA6}"/>
              </a:ext>
            </a:extLst>
          </p:cNvPr>
          <p:cNvCxnSpPr/>
          <p:nvPr>
            <p:custDataLst>
              <p:tags r:id="rId276"/>
            </p:custDataLst>
          </p:nvPr>
        </p:nvCxnSpPr>
        <p:spPr>
          <a:xfrm>
            <a:off x="5067174" y="908797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DFB99F2-A88A-F29E-5CEA-04FBD3163998}"/>
              </a:ext>
            </a:extLst>
          </p:cNvPr>
          <p:cNvCxnSpPr/>
          <p:nvPr>
            <p:custDataLst>
              <p:tags r:id="rId277"/>
            </p:custDataLst>
          </p:nvPr>
        </p:nvCxnSpPr>
        <p:spPr>
          <a:xfrm>
            <a:off x="6676192" y="908797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2B8A6807-4972-4C9D-2311-BD90F3251912}"/>
              </a:ext>
            </a:extLst>
          </p:cNvPr>
          <p:cNvCxnSpPr/>
          <p:nvPr>
            <p:custDataLst>
              <p:tags r:id="rId278"/>
            </p:custDataLst>
          </p:nvPr>
        </p:nvCxnSpPr>
        <p:spPr>
          <a:xfrm>
            <a:off x="8233306" y="908797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92ED281E-3064-2CEA-96DD-E361AE04EEC7}"/>
              </a:ext>
            </a:extLst>
          </p:cNvPr>
          <p:cNvCxnSpPr/>
          <p:nvPr>
            <p:custDataLst>
              <p:tags r:id="rId279"/>
            </p:custDataLst>
          </p:nvPr>
        </p:nvCxnSpPr>
        <p:spPr>
          <a:xfrm>
            <a:off x="9842324" y="908797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B_00000000000000000000000000000000_MiddleSeparator1">
            <a:extLst>
              <a:ext uri="{FF2B5EF4-FFF2-40B4-BE49-F238E27FC236}">
                <a16:creationId xmlns:a16="http://schemas.microsoft.com/office/drawing/2014/main" id="{0338FD51-05CB-CFBD-0BBE-BD19518A477D}"/>
              </a:ext>
            </a:extLst>
          </p:cNvPr>
          <p:cNvCxnSpPr/>
          <p:nvPr>
            <p:custDataLst>
              <p:tags r:id="rId280"/>
            </p:custDataLst>
          </p:nvPr>
        </p:nvCxnSpPr>
        <p:spPr>
          <a:xfrm>
            <a:off x="2264369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TB_00000000000000000000000000000000_MiddleSeparator2">
            <a:extLst>
              <a:ext uri="{FF2B5EF4-FFF2-40B4-BE49-F238E27FC236}">
                <a16:creationId xmlns:a16="http://schemas.microsoft.com/office/drawing/2014/main" id="{57867265-3665-6B7B-C0E4-DD94F6C4005E}"/>
              </a:ext>
            </a:extLst>
          </p:cNvPr>
          <p:cNvCxnSpPr/>
          <p:nvPr>
            <p:custDataLst>
              <p:tags r:id="rId281"/>
            </p:custDataLst>
          </p:nvPr>
        </p:nvCxnSpPr>
        <p:spPr>
          <a:xfrm>
            <a:off x="2627695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B_00000000000000000000000000000000_MiddleSeparator3">
            <a:extLst>
              <a:ext uri="{FF2B5EF4-FFF2-40B4-BE49-F238E27FC236}">
                <a16:creationId xmlns:a16="http://schemas.microsoft.com/office/drawing/2014/main" id="{336AA49C-ADF5-9671-B649-EF004C50835D}"/>
              </a:ext>
            </a:extLst>
          </p:cNvPr>
          <p:cNvCxnSpPr/>
          <p:nvPr>
            <p:custDataLst>
              <p:tags r:id="rId282"/>
            </p:custDataLst>
          </p:nvPr>
        </p:nvCxnSpPr>
        <p:spPr>
          <a:xfrm>
            <a:off x="2991022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1" name="OTLSHAPE_TB_00000000000000000000000000000000_MiddleSeparator4">
            <a:extLst>
              <a:ext uri="{FF2B5EF4-FFF2-40B4-BE49-F238E27FC236}">
                <a16:creationId xmlns:a16="http://schemas.microsoft.com/office/drawing/2014/main" id="{151A1510-9528-04CD-44BA-083F6FE8053D}"/>
              </a:ext>
            </a:extLst>
          </p:cNvPr>
          <p:cNvCxnSpPr/>
          <p:nvPr>
            <p:custDataLst>
              <p:tags r:id="rId283"/>
            </p:custDataLst>
          </p:nvPr>
        </p:nvCxnSpPr>
        <p:spPr>
          <a:xfrm>
            <a:off x="3354349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TB_00000000000000000000000000000000_MiddleSeparator5">
            <a:extLst>
              <a:ext uri="{FF2B5EF4-FFF2-40B4-BE49-F238E27FC236}">
                <a16:creationId xmlns:a16="http://schemas.microsoft.com/office/drawing/2014/main" id="{CF95E615-3FE4-81D1-1D8E-2E84DDC1081C}"/>
              </a:ext>
            </a:extLst>
          </p:cNvPr>
          <p:cNvCxnSpPr/>
          <p:nvPr>
            <p:custDataLst>
              <p:tags r:id="rId284"/>
            </p:custDataLst>
          </p:nvPr>
        </p:nvCxnSpPr>
        <p:spPr>
          <a:xfrm>
            <a:off x="3717675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TB_00000000000000000000000000000000_MiddleSeparator6">
            <a:extLst>
              <a:ext uri="{FF2B5EF4-FFF2-40B4-BE49-F238E27FC236}">
                <a16:creationId xmlns:a16="http://schemas.microsoft.com/office/drawing/2014/main" id="{B0CCF06A-096A-2BBF-4612-0F572AC11763}"/>
              </a:ext>
            </a:extLst>
          </p:cNvPr>
          <p:cNvCxnSpPr/>
          <p:nvPr>
            <p:custDataLst>
              <p:tags r:id="rId285"/>
            </p:custDataLst>
          </p:nvPr>
        </p:nvCxnSpPr>
        <p:spPr>
          <a:xfrm>
            <a:off x="4081002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TB_00000000000000000000000000000000_MiddleSeparator7">
            <a:extLst>
              <a:ext uri="{FF2B5EF4-FFF2-40B4-BE49-F238E27FC236}">
                <a16:creationId xmlns:a16="http://schemas.microsoft.com/office/drawing/2014/main" id="{60C3B45A-6C55-751E-A3A5-692BA2B7B7F3}"/>
              </a:ext>
            </a:extLst>
          </p:cNvPr>
          <p:cNvCxnSpPr/>
          <p:nvPr>
            <p:custDataLst>
              <p:tags r:id="rId286"/>
            </p:custDataLst>
          </p:nvPr>
        </p:nvCxnSpPr>
        <p:spPr>
          <a:xfrm>
            <a:off x="4444329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MiddleSeparator8">
            <a:extLst>
              <a:ext uri="{FF2B5EF4-FFF2-40B4-BE49-F238E27FC236}">
                <a16:creationId xmlns:a16="http://schemas.microsoft.com/office/drawing/2014/main" id="{DEF7E418-708F-13E4-6453-252F8AE565BF}"/>
              </a:ext>
            </a:extLst>
          </p:cNvPr>
          <p:cNvCxnSpPr/>
          <p:nvPr>
            <p:custDataLst>
              <p:tags r:id="rId287"/>
            </p:custDataLst>
          </p:nvPr>
        </p:nvCxnSpPr>
        <p:spPr>
          <a:xfrm>
            <a:off x="4807655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B_00000000000000000000000000000000_MiddleSeparator9">
            <a:extLst>
              <a:ext uri="{FF2B5EF4-FFF2-40B4-BE49-F238E27FC236}">
                <a16:creationId xmlns:a16="http://schemas.microsoft.com/office/drawing/2014/main" id="{EF9C469E-0CCC-3D67-9BCD-5A76EF035D6A}"/>
              </a:ext>
            </a:extLst>
          </p:cNvPr>
          <p:cNvCxnSpPr/>
          <p:nvPr>
            <p:custDataLst>
              <p:tags r:id="rId288"/>
            </p:custDataLst>
          </p:nvPr>
        </p:nvCxnSpPr>
        <p:spPr>
          <a:xfrm>
            <a:off x="5170982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B_00000000000000000000000000000000_MiddleSeparator10">
            <a:extLst>
              <a:ext uri="{FF2B5EF4-FFF2-40B4-BE49-F238E27FC236}">
                <a16:creationId xmlns:a16="http://schemas.microsoft.com/office/drawing/2014/main" id="{905B111C-D7B1-FD9B-9AE7-400414C6306F}"/>
              </a:ext>
            </a:extLst>
          </p:cNvPr>
          <p:cNvCxnSpPr/>
          <p:nvPr>
            <p:custDataLst>
              <p:tags r:id="rId289"/>
            </p:custDataLst>
          </p:nvPr>
        </p:nvCxnSpPr>
        <p:spPr>
          <a:xfrm>
            <a:off x="5534308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B_00000000000000000000000000000000_MiddleSeparator11">
            <a:extLst>
              <a:ext uri="{FF2B5EF4-FFF2-40B4-BE49-F238E27FC236}">
                <a16:creationId xmlns:a16="http://schemas.microsoft.com/office/drawing/2014/main" id="{63FC7725-27FE-FAB7-D3C0-2188CF65F407}"/>
              </a:ext>
            </a:extLst>
          </p:cNvPr>
          <p:cNvCxnSpPr/>
          <p:nvPr>
            <p:custDataLst>
              <p:tags r:id="rId290"/>
            </p:custDataLst>
          </p:nvPr>
        </p:nvCxnSpPr>
        <p:spPr>
          <a:xfrm>
            <a:off x="5897635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B_00000000000000000000000000000000_MiddleSeparator12">
            <a:extLst>
              <a:ext uri="{FF2B5EF4-FFF2-40B4-BE49-F238E27FC236}">
                <a16:creationId xmlns:a16="http://schemas.microsoft.com/office/drawing/2014/main" id="{EEE0B153-3E25-25CA-5CB3-C8065AC95A56}"/>
              </a:ext>
            </a:extLst>
          </p:cNvPr>
          <p:cNvCxnSpPr/>
          <p:nvPr>
            <p:custDataLst>
              <p:tags r:id="rId291"/>
            </p:custDataLst>
          </p:nvPr>
        </p:nvCxnSpPr>
        <p:spPr>
          <a:xfrm>
            <a:off x="6260962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B_00000000000000000000000000000000_MiddleSeparator13">
            <a:extLst>
              <a:ext uri="{FF2B5EF4-FFF2-40B4-BE49-F238E27FC236}">
                <a16:creationId xmlns:a16="http://schemas.microsoft.com/office/drawing/2014/main" id="{5E1ACBAA-62A5-275F-0872-86AED60B5940}"/>
              </a:ext>
            </a:extLst>
          </p:cNvPr>
          <p:cNvCxnSpPr/>
          <p:nvPr>
            <p:custDataLst>
              <p:tags r:id="rId292"/>
            </p:custDataLst>
          </p:nvPr>
        </p:nvCxnSpPr>
        <p:spPr>
          <a:xfrm>
            <a:off x="6624289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TB_00000000000000000000000000000000_MiddleSeparator14">
            <a:extLst>
              <a:ext uri="{FF2B5EF4-FFF2-40B4-BE49-F238E27FC236}">
                <a16:creationId xmlns:a16="http://schemas.microsoft.com/office/drawing/2014/main" id="{5D59B4C9-267D-D306-D0EC-DFCD1EADAC58}"/>
              </a:ext>
            </a:extLst>
          </p:cNvPr>
          <p:cNvCxnSpPr/>
          <p:nvPr>
            <p:custDataLst>
              <p:tags r:id="rId293"/>
            </p:custDataLst>
          </p:nvPr>
        </p:nvCxnSpPr>
        <p:spPr>
          <a:xfrm>
            <a:off x="6987615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TB_00000000000000000000000000000000_MiddleSeparator15">
            <a:extLst>
              <a:ext uri="{FF2B5EF4-FFF2-40B4-BE49-F238E27FC236}">
                <a16:creationId xmlns:a16="http://schemas.microsoft.com/office/drawing/2014/main" id="{4AF02EB5-6261-F40E-7753-8087C956DE2D}"/>
              </a:ext>
            </a:extLst>
          </p:cNvPr>
          <p:cNvCxnSpPr/>
          <p:nvPr>
            <p:custDataLst>
              <p:tags r:id="rId294"/>
            </p:custDataLst>
          </p:nvPr>
        </p:nvCxnSpPr>
        <p:spPr>
          <a:xfrm>
            <a:off x="7350942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B_00000000000000000000000000000000_MiddleSeparator16">
            <a:extLst>
              <a:ext uri="{FF2B5EF4-FFF2-40B4-BE49-F238E27FC236}">
                <a16:creationId xmlns:a16="http://schemas.microsoft.com/office/drawing/2014/main" id="{CAC6644A-642C-80BA-15C3-D5D34018633B}"/>
              </a:ext>
            </a:extLst>
          </p:cNvPr>
          <p:cNvCxnSpPr/>
          <p:nvPr>
            <p:custDataLst>
              <p:tags r:id="rId295"/>
            </p:custDataLst>
          </p:nvPr>
        </p:nvCxnSpPr>
        <p:spPr>
          <a:xfrm>
            <a:off x="7714269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7" name="OTLSHAPE_TB_00000000000000000000000000000000_MiddleSeparator17">
            <a:extLst>
              <a:ext uri="{FF2B5EF4-FFF2-40B4-BE49-F238E27FC236}">
                <a16:creationId xmlns:a16="http://schemas.microsoft.com/office/drawing/2014/main" id="{AC9208DA-8930-3D58-351E-EC2AFA3A01E6}"/>
              </a:ext>
            </a:extLst>
          </p:cNvPr>
          <p:cNvCxnSpPr/>
          <p:nvPr>
            <p:custDataLst>
              <p:tags r:id="rId296"/>
            </p:custDataLst>
          </p:nvPr>
        </p:nvCxnSpPr>
        <p:spPr>
          <a:xfrm>
            <a:off x="8077595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9" name="OTLSHAPE_TB_00000000000000000000000000000000_MiddleSeparator18">
            <a:extLst>
              <a:ext uri="{FF2B5EF4-FFF2-40B4-BE49-F238E27FC236}">
                <a16:creationId xmlns:a16="http://schemas.microsoft.com/office/drawing/2014/main" id="{FB421FE9-EF62-5451-3E3D-767BF43D3607}"/>
              </a:ext>
            </a:extLst>
          </p:cNvPr>
          <p:cNvCxnSpPr/>
          <p:nvPr>
            <p:custDataLst>
              <p:tags r:id="rId297"/>
            </p:custDataLst>
          </p:nvPr>
        </p:nvCxnSpPr>
        <p:spPr>
          <a:xfrm>
            <a:off x="8440921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B_00000000000000000000000000000000_MiddleSeparator19">
            <a:extLst>
              <a:ext uri="{FF2B5EF4-FFF2-40B4-BE49-F238E27FC236}">
                <a16:creationId xmlns:a16="http://schemas.microsoft.com/office/drawing/2014/main" id="{82E0F269-A08F-D918-E636-449C3AAC7169}"/>
              </a:ext>
            </a:extLst>
          </p:cNvPr>
          <p:cNvCxnSpPr/>
          <p:nvPr>
            <p:custDataLst>
              <p:tags r:id="rId298"/>
            </p:custDataLst>
          </p:nvPr>
        </p:nvCxnSpPr>
        <p:spPr>
          <a:xfrm>
            <a:off x="8804248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TB_00000000000000000000000000000000_MiddleSeparator20">
            <a:extLst>
              <a:ext uri="{FF2B5EF4-FFF2-40B4-BE49-F238E27FC236}">
                <a16:creationId xmlns:a16="http://schemas.microsoft.com/office/drawing/2014/main" id="{2C8BF434-23EF-2A61-CB0B-35A26AEFDCE9}"/>
              </a:ext>
            </a:extLst>
          </p:cNvPr>
          <p:cNvCxnSpPr/>
          <p:nvPr>
            <p:custDataLst>
              <p:tags r:id="rId299"/>
            </p:custDataLst>
          </p:nvPr>
        </p:nvCxnSpPr>
        <p:spPr>
          <a:xfrm>
            <a:off x="9167575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TB_00000000000000000000000000000000_MiddleSeparator21">
            <a:extLst>
              <a:ext uri="{FF2B5EF4-FFF2-40B4-BE49-F238E27FC236}">
                <a16:creationId xmlns:a16="http://schemas.microsoft.com/office/drawing/2014/main" id="{620235BD-F74A-FFC7-5DC4-D68012AA7CAD}"/>
              </a:ext>
            </a:extLst>
          </p:cNvPr>
          <p:cNvCxnSpPr/>
          <p:nvPr>
            <p:custDataLst>
              <p:tags r:id="rId300"/>
            </p:custDataLst>
          </p:nvPr>
        </p:nvCxnSpPr>
        <p:spPr>
          <a:xfrm>
            <a:off x="9530901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TB_00000000000000000000000000000000_MiddleSeparator22">
            <a:extLst>
              <a:ext uri="{FF2B5EF4-FFF2-40B4-BE49-F238E27FC236}">
                <a16:creationId xmlns:a16="http://schemas.microsoft.com/office/drawing/2014/main" id="{890B247C-A3E8-32CF-3C05-11FA8DCA8723}"/>
              </a:ext>
            </a:extLst>
          </p:cNvPr>
          <p:cNvCxnSpPr/>
          <p:nvPr>
            <p:custDataLst>
              <p:tags r:id="rId301"/>
            </p:custDataLst>
          </p:nvPr>
        </p:nvCxnSpPr>
        <p:spPr>
          <a:xfrm>
            <a:off x="9894228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TB_00000000000000000000000000000000_MiddleSeparator23">
            <a:extLst>
              <a:ext uri="{FF2B5EF4-FFF2-40B4-BE49-F238E27FC236}">
                <a16:creationId xmlns:a16="http://schemas.microsoft.com/office/drawing/2014/main" id="{47B03C40-E75A-4AAD-BA90-F852EE29309E}"/>
              </a:ext>
            </a:extLst>
          </p:cNvPr>
          <p:cNvCxnSpPr/>
          <p:nvPr>
            <p:custDataLst>
              <p:tags r:id="rId302"/>
            </p:custDataLst>
          </p:nvPr>
        </p:nvCxnSpPr>
        <p:spPr>
          <a:xfrm>
            <a:off x="10257555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B_00000000000000000000000000000000_MiddleSeparator24">
            <a:extLst>
              <a:ext uri="{FF2B5EF4-FFF2-40B4-BE49-F238E27FC236}">
                <a16:creationId xmlns:a16="http://schemas.microsoft.com/office/drawing/2014/main" id="{F2D87105-523F-BD8B-AB91-CB8A5640DA22}"/>
              </a:ext>
            </a:extLst>
          </p:cNvPr>
          <p:cNvCxnSpPr/>
          <p:nvPr>
            <p:custDataLst>
              <p:tags r:id="rId303"/>
            </p:custDataLst>
          </p:nvPr>
        </p:nvCxnSpPr>
        <p:spPr>
          <a:xfrm>
            <a:off x="10620881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TB_00000000000000000000000000000000_MiddleSeparator25">
            <a:extLst>
              <a:ext uri="{FF2B5EF4-FFF2-40B4-BE49-F238E27FC236}">
                <a16:creationId xmlns:a16="http://schemas.microsoft.com/office/drawing/2014/main" id="{47C4C2E4-3985-79AF-0D9D-A82D16565221}"/>
              </a:ext>
            </a:extLst>
          </p:cNvPr>
          <p:cNvCxnSpPr/>
          <p:nvPr>
            <p:custDataLst>
              <p:tags r:id="rId304"/>
            </p:custDataLst>
          </p:nvPr>
        </p:nvCxnSpPr>
        <p:spPr>
          <a:xfrm>
            <a:off x="10984208" y="1100821"/>
            <a:ext cx="0" cy="146304"/>
          </a:xfrm>
          <a:prstGeom prst="line">
            <a:avLst/>
          </a:prstGeom>
          <a:ln w="9525" cap="flat" cmpd="sng" algn="ctr">
            <a:solidFill>
              <a:srgbClr val="0D0D0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12" name="OTLSHAPE_SLA_bb8d150f8e5d4b6b839727bedb74ae64_Shape">
            <a:extLst>
              <a:ext uri="{FF2B5EF4-FFF2-40B4-BE49-F238E27FC236}">
                <a16:creationId xmlns:a16="http://schemas.microsoft.com/office/drawing/2014/main" id="{9FFA2A0A-9B04-4337-6213-5D3BFD34F892}"/>
              </a:ext>
            </a:extLst>
          </p:cNvPr>
          <p:cNvSpPr/>
          <p:nvPr>
            <p:custDataLst>
              <p:tags r:id="rId305"/>
            </p:custDataLst>
          </p:nvPr>
        </p:nvSpPr>
        <p:spPr>
          <a:xfrm>
            <a:off x="2551460" y="2350162"/>
            <a:ext cx="152400" cy="177800"/>
          </a:xfrm>
          <a:prstGeom prst="diamond">
            <a:avLst/>
          </a:prstGeom>
          <a:solidFill>
            <a:srgbClr val="FF5C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15" name="OTLSHAPE_SLA_927ffc3c0eb54980aa9e47113b0c79ef_Shape">
            <a:extLst>
              <a:ext uri="{FF2B5EF4-FFF2-40B4-BE49-F238E27FC236}">
                <a16:creationId xmlns:a16="http://schemas.microsoft.com/office/drawing/2014/main" id="{13BC7A90-58ED-E752-029C-E2A9E14F15CE}"/>
              </a:ext>
            </a:extLst>
          </p:cNvPr>
          <p:cNvSpPr/>
          <p:nvPr>
            <p:custDataLst>
              <p:tags r:id="rId306"/>
            </p:custDataLst>
          </p:nvPr>
        </p:nvSpPr>
        <p:spPr>
          <a:xfrm>
            <a:off x="6651861" y="4690264"/>
            <a:ext cx="152400" cy="177800"/>
          </a:xfrm>
          <a:prstGeom prst="diamond">
            <a:avLst/>
          </a:prstGeom>
          <a:solidFill>
            <a:srgbClr val="FF5C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18" name="OTLSHAPE_SLA_476541a5cc33405e972e6ad3ee61e9d2_Shape">
            <a:extLst>
              <a:ext uri="{FF2B5EF4-FFF2-40B4-BE49-F238E27FC236}">
                <a16:creationId xmlns:a16="http://schemas.microsoft.com/office/drawing/2014/main" id="{18338B8F-3500-1885-7A2D-29C910F98E0C}"/>
              </a:ext>
            </a:extLst>
          </p:cNvPr>
          <p:cNvSpPr/>
          <p:nvPr>
            <p:custDataLst>
              <p:tags r:id="rId307"/>
            </p:custDataLst>
          </p:nvPr>
        </p:nvSpPr>
        <p:spPr>
          <a:xfrm>
            <a:off x="8935628" y="5951120"/>
            <a:ext cx="152400" cy="177800"/>
          </a:xfrm>
          <a:prstGeom prst="diamond">
            <a:avLst/>
          </a:prstGeom>
          <a:solidFill>
            <a:srgbClr val="FF5C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10" name="OTLSHAPE_SLA_bb8d150f8e5d4b6b839727bedb74ae64_Title">
            <a:extLst>
              <a:ext uri="{FF2B5EF4-FFF2-40B4-BE49-F238E27FC236}">
                <a16:creationId xmlns:a16="http://schemas.microsoft.com/office/drawing/2014/main" id="{8B8B9A67-19D5-AC53-DAEC-CA9A10E9EF3B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2112357" y="2154244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FF5C5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undation curing</a:t>
            </a:r>
          </a:p>
        </p:txBody>
      </p:sp>
      <p:sp>
        <p:nvSpPr>
          <p:cNvPr id="313" name="OTLSHAPE_SLA_927ffc3c0eb54980aa9e47113b0c79ef_Title">
            <a:extLst>
              <a:ext uri="{FF2B5EF4-FFF2-40B4-BE49-F238E27FC236}">
                <a16:creationId xmlns:a16="http://schemas.microsoft.com/office/drawing/2014/main" id="{018574E0-DF2E-420E-FD38-CF713632C632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5716527" y="4494345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FF5C5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inspection of roofing &amp; glazing</a:t>
            </a:r>
          </a:p>
        </p:txBody>
      </p:sp>
      <p:sp>
        <p:nvSpPr>
          <p:cNvPr id="316" name="OTLSHAPE_SLA_476541a5cc33405e972e6ad3ee61e9d2_Title">
            <a:extLst>
              <a:ext uri="{FF2B5EF4-FFF2-40B4-BE49-F238E27FC236}">
                <a16:creationId xmlns:a16="http://schemas.microsoft.com/office/drawing/2014/main" id="{B657A228-6A5A-C368-68F4-5A9609D333FC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8329351" y="575520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FF5C5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exterior inspection</a:t>
            </a:r>
          </a:p>
        </p:txBody>
      </p:sp>
      <p:sp>
        <p:nvSpPr>
          <p:cNvPr id="90" name="OTLSHAPE_SLA_bb8d150f8e5d4b6b839727bedb74ae64_Date" hidden="1">
            <a:extLst>
              <a:ext uri="{FF2B5EF4-FFF2-40B4-BE49-F238E27FC236}">
                <a16:creationId xmlns:a16="http://schemas.microsoft.com/office/drawing/2014/main" id="{539B322F-B583-80BE-2978-C2C56814AB10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FEC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4</a:t>
            </a:r>
          </a:p>
        </p:txBody>
      </p:sp>
      <p:sp>
        <p:nvSpPr>
          <p:cNvPr id="91" name="OTLSHAPE_SLA_bb8d150f8e5d4b6b839727bedb74ae64_Variance" hidden="1">
            <a:extLst>
              <a:ext uri="{FF2B5EF4-FFF2-40B4-BE49-F238E27FC236}">
                <a16:creationId xmlns:a16="http://schemas.microsoft.com/office/drawing/2014/main" id="{96B98FEE-46CB-4E50-5CCC-4433DD6CDDB8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2449310" y="23247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80" name="OTLSHAPE_SLA_927ffc3c0eb54980aa9e47113b0c79ef_Date" hidden="1">
            <a:extLst>
              <a:ext uri="{FF2B5EF4-FFF2-40B4-BE49-F238E27FC236}">
                <a16:creationId xmlns:a16="http://schemas.microsoft.com/office/drawing/2014/main" id="{A49B78C1-AE96-6B2B-2C11-A3CD283CCBF3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FEC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</a:t>
            </a:r>
          </a:p>
        </p:txBody>
      </p:sp>
      <p:sp>
        <p:nvSpPr>
          <p:cNvPr id="181" name="OTLSHAPE_SLA_927ffc3c0eb54980aa9e47113b0c79ef_Variance" hidden="1">
            <a:extLst>
              <a:ext uri="{FF2B5EF4-FFF2-40B4-BE49-F238E27FC236}">
                <a16:creationId xmlns:a16="http://schemas.microsoft.com/office/drawing/2014/main" id="{D13AED21-1A79-C96E-0FDE-5F146146CB9C}"/>
              </a:ext>
            </a:extLst>
          </p:cNvPr>
          <p:cNvSpPr txBox="1"/>
          <p:nvPr>
            <p:custDataLst>
              <p:tags r:id="rId314"/>
            </p:custDataLst>
          </p:nvPr>
        </p:nvSpPr>
        <p:spPr>
          <a:xfrm>
            <a:off x="6549710" y="46648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307" name="OTLSHAPE_SLA_476541a5cc33405e972e6ad3ee61e9d2_Date" hidden="1">
            <a:extLst>
              <a:ext uri="{FF2B5EF4-FFF2-40B4-BE49-F238E27FC236}">
                <a16:creationId xmlns:a16="http://schemas.microsoft.com/office/drawing/2014/main" id="{AD0667F5-668C-FCD0-3BF1-8BFBEFF7CA52}"/>
              </a:ext>
            </a:extLst>
          </p:cNvPr>
          <p:cNvSpPr txBox="1"/>
          <p:nvPr>
            <p:custDataLst>
              <p:tags r:id="rId31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FEC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5</a:t>
            </a:r>
          </a:p>
        </p:txBody>
      </p:sp>
      <p:sp>
        <p:nvSpPr>
          <p:cNvPr id="308" name="OTLSHAPE_SLA_476541a5cc33405e972e6ad3ee61e9d2_Variance" hidden="1">
            <a:extLst>
              <a:ext uri="{FF2B5EF4-FFF2-40B4-BE49-F238E27FC236}">
                <a16:creationId xmlns:a16="http://schemas.microsoft.com/office/drawing/2014/main" id="{170C24AA-44DF-81F8-58E1-52FF915674E8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8833478" y="6096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29" name="TextBox 228">
            <a:extLst>
              <a:ext uri="{FF2B5EF4-FFF2-40B4-BE49-F238E27FC236}">
                <a16:creationId xmlns:a16="http://schemas.microsoft.com/office/drawing/2014/main" id="{DB322A0F-A073-E7CF-ADCF-A3BD16BD7515}"/>
              </a:ext>
            </a:extLst>
          </p:cNvPr>
          <p:cNvSpPr txBox="1"/>
          <p:nvPr/>
        </p:nvSpPr>
        <p:spPr>
          <a:xfrm>
            <a:off x="8315659" y="211143"/>
            <a:ext cx="320524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" panose="020B0502040204020203" pitchFamily="34" charset="0"/>
                <a:ea typeface="Roboto" panose="02000000000000000000" pitchFamily="2" charset="0"/>
                <a:cs typeface="Segoe UI" panose="020B0502040204020203" pitchFamily="34" charset="0"/>
              </a:rPr>
              <a:t>Construction building</a:t>
            </a:r>
          </a:p>
        </p:txBody>
      </p:sp>
      <p:pic>
        <p:nvPicPr>
          <p:cNvPr id="319" name="Picture 318" descr="A black background with a black screen&#10;&#10;AI-generated content may be incorrect.">
            <a:extLst>
              <a:ext uri="{FF2B5EF4-FFF2-40B4-BE49-F238E27FC236}">
                <a16:creationId xmlns:a16="http://schemas.microsoft.com/office/drawing/2014/main" id="{AF88B570-456C-A5E0-E6E5-43CC0A7D3B87}"/>
              </a:ext>
            </a:extLst>
          </p:cNvPr>
          <p:cNvPicPr>
            <a:picLocks noChangeAspect="1"/>
          </p:cNvPicPr>
          <p:nvPr/>
        </p:nvPicPr>
        <p:blipFill>
          <a:blip r:embed="rId3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68685" y="234184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583551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FhODQyZjdiLTFlYjgtNDZhMC05YTNlLWFlOGVlZDYzZjExMy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eyIkaWQiOiIxMiIsIkNvbG9yIjp7IiRpZCI6IjEzIiwiQSI6MjU1LCJSIjowLCJHIjowLCJCIjow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MjEsIkciOjk2LCJCIjoxMzB9fSwiSXNWaXNpYmxlIjp0cnV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4OSwiUiI6MCwiRyI6MCwiQiI6MH19LCJJc1Zpc2libGUiOnRydWUsIldpZHRoIjowLjAsIkhlaWdodCI6MC4wLCJCb3JkZXJTdHlsZSI6eyIkaWQiOiI0OCIsIkxpbmVDb2xvciI6bnVsbCwiTGluZVdlaWdodCI6MC4wLCJMaW5lVHlwZSI6MCwiUGFyZW50U3R5bGUiOm51bGx9LCJQYXJlbnRTdHlsZSI6bnVsbH0sIkR1cmF0aW9u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IiwiRm9ybWF0IjowLCJJc1Zpc2libGUiOmZhbHNlLCJMYXN0S25vd25WaXNpYmlsaXR5U3RhdGUiOmZhbHNlfSwiSXNWaXNpYmxlIjp0cnVlLCJWYXJpYW5jZVN0eWxlIjp7IiRpZCI6IjEwMCIsIlRleHRTdHlsZSI6eyIkaWQiOiIxMDEiLCJGb250U2V0dGluZ3MiOnsiJGlkIjoiMTAyIiwiRm9udFNpemUiOjksIkZvbnROYW1lIjoiQ2FsaWJyaSIsIklzQm9sZCI6ZmFsc2UsIklzSXRhbGljIjpmYWxzZSwiSXNVbmRlcmxpbmVkIjpmYWxzZSwiUGFyZW50U3R5bGUiOm51bGx9LCJBdXRvU2l6ZSI6MCwiRm9yZWdyb3VuZCI6eyIkaWQiOiIxMDMiLCJDb2xvciI6eyIkaWQiOiIxMD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iIsIkZvcm1hdCI6MCwiSXNWaXNpYmxlIjpmYWxzZSwiTGFzdEtub3duVmlzaWJpbGl0eVN0YXRlIjpmYWxzZX0sIklzVmlzaWJsZSI6dHJ1ZSwiVmFyaWFuY2VTdHlsZSI6eyIkaWQiOiIxNzciLCJUZXh0U3R5bGUiOnsiJGlkIjoiMTc4IiwiRm9udFNldHRpbmdzIjp7IiRpZCI6IjE3OSIsIkZvbnRTaXplIjo5LCJGb250TmFtZSI6IkNhbGlicmkiLCJJc0JvbGQiOmZhbHNlLCJJc0l0YWxpYyI6ZmFsc2UsIklzVW5kZXJsaW5lZCI6ZmFsc2UsIlBhcmVudFN0eWxlIjpudWxsfSwiQXV0b1NpemUiOjAsIkZvcmVncm91bmQiOnsiJGlkIjoiMTgwIiwiQ29sb3IiOnsiJGlkIjoiMTg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3IiwiVG9wIjowLjAsIkxlZnQiOjAuMCwiUmlnaHQiOjAuMCwiQm90dG9tIjowLjB9LCJQYWRkaW5nIjp7IiRpZCI6IjI5OCIsIlRvcCI6MC4wLCJMZWZ0IjowLjAsIlJpZ2h0IjowLjAsIkJvdHRvbSI6MC4wfSwiQmFja2dyb3VuZCI6eyIkaWQiOiIyOTkiLCJDb2xvciI6eyIkaWQiOiIzMDAiLCJBIjoyNTUsIlIiOjAsIkciOjAsIkIiOjB9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aWQiOiIzM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yNTUsIlIiOjE0LCJHIjo0MCwiQiI6NjV9fSwiSXNWaXNpYmxlIjp0cnVlLCJXaWR0aCI6MC4wLCJIZWlnaHQiOjAuMCwiQm9yZGVyU3R5bGUiOnsiJGlkIjoiMzEwIiwiTGluZUNvbG9yIjpudWxsLCJMaW5lV2VpZ2h0IjowLjAsIkxpbmVUeXBlIjowLCJQYXJlbnRTdHlsZSI6bnVsbH0sIlBhcmVudFN0eWxlIjpudWxsfSwiRGF0ZUZvcm1hdCI6eyIkaWQiOiIz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yIiwiRm9ybWF0IjowLCJJc1Zpc2libGUiOmZhbHNlLCJMYXN0S25vd25WaXNpYmlsaXR5U3RhdGUiOmZhbHNlfSwiSXNWaXNpYmxlIjp0cnVlLCJWYXJpYW5jZVN0eWxlIjp7IiRpZCI6IjMxMyIsIlRleHRTdHlsZSI6eyIkaWQiOiIzMTQiLCJGb250U2V0dGluZ3MiOnsiJGlkIjoiMzE1IiwiRm9udFNpemUiOjExLCJGb250TmFtZSI6IkNhbGlicmkiLCJJc0JvbGQiOmZhbHNlLCJJc0l0YWxpYyI6ZmFsc2UsIklzVW5kZXJsaW5lZCI6ZmFsc2UsIlBhcmVudFN0eWxlIjpudWxsfSwiQXV0b1NpemUiOjAsIkZvcmVncm91bmQiOnsiJGlkIjoiMzE2IiwiQ29sb3IiOnsiJGlkIjoiMz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yIsIkZvcm1hdCI6MCwiSXNWaXNpYmxlIjpmYWxzZSwiTGFzdEtub3duVmlzaWJpbGl0eVN0YXRlIjpmYWxzZX0sIklzVmlzaWJsZSI6dHJ1ZSwiVmFyaWFuY2VTdHlsZSI6eyIkaWQiOiIzNTgiLCJUZXh0U3R5bGUiOnsiJGlkIjoiMzU5IiwiRm9udFNldHRpbmdzIjp7IiRpZCI6IjM2MCIsIkZvbnRTaXplIjoxMSwiRm9udE5hbWUiOiJDYWxpYnJpIiwiSXNCb2xkIjpmYWxzZSwiSXNJdGFsaWMiOmZhbHNlLCJJc1VuZGVybGluZWQiOmZhbHNlLCJQYXJlbnRTdHlsZSI6bnVsbH0sIkF1dG9TaXplIjowLCJGb3JlZ3JvdW5kIjp7IiRpZCI6IjM2MSIsIkNvbG9yIjp7IiRpZCI6IjM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iIsIkZvcm1hdCI6MCwiSXNWaXNpYmxlIjpmYWxzZSwiTGFzdEtub3duVmlzaWJpbGl0eVN0YXRlIjpmYWxzZX0sIklzVmlzaWJsZSI6dHJ1ZSwiVmFyaWFuY2VTdHlsZSI6eyIkaWQiOiIzOTciLCJUZXh0U3R5bGUiOnsiJGlkIjoiMzk4IiwiRm9udFNldHRpbmdzIjp7IiRpZCI6IjM5OSIsIkZvbnRTaXplIjoxMSwiRm9udE5hbWUiOiJDYWxpYnJpIiwiSXNCb2xkIjpmYWxzZSwiSXNJdGFsaWMiOmZhbHNlLCJJc1VuZGVybGluZWQiOmZhbHNlLCJQYXJlbnRTdHlsZSI6bnVsbH0sIkF1dG9TaXplIjowLCJGb3JlZ3JvdW5kIjp7IiRpZCI6IjQwMCIsIkNvbG9yIjp7IiRpZCI6IjQw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MTAsIkZvbnROYW1lIjoiQ2FsaWJyaSIsIklzQm9sZCI6ZmFsc2UsIklzSXRhbGljIjpmYWxzZSwiSXNVbmRlcmxpbmVkIjpmYWxzZSwiUGFyZW50U3R5bGUiOm51bGx9LCJBdXRvU2l6ZSI6MCwiRm9yZWdyb3VuZCI6eyIkaWQiOiI0NzEiLCJDb2xvciI6eyIkaWQiOiI0NzIiLCJBIjoyNTUsIlIiOjIwNywiRyI6MjM2LCJCIjoyNDd9fSwiTWF4V2lkdGgiOjIwMC4wLCJNYXhIZWlnaHQiOiJJbmZpbml0eSIsIlNtYXJ0Rm9yZWdyb3VuZElzQWN0aXZlIjpmYWxzZSwiSG9yaXpvbnRhbEFsaWdubWVudCI6MSwiVmVydGljYWxBbGlnbm1lbnQiOjE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ZmFsc2UsIldpZHRoIjowLjAsIkhlaWdodCI6MC4wLCJCb3JkZXJTdHlsZSI6eyIkaWQiOiI0NzciLCJMaW5lQ29sb3IiOm51bGwsIkxpbmVXZWlnaHQiOjAuMCwiTGluZVR5cGUiOjAsIlBhcmVudFN0eWxlIjpudWxsfSwiUGFyZW50U3R5bGUiOm51bGx9LCJEYXRlRm9ybWF0Ijp7IiRpZCI6IjQ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kiLCJGb3JtYXQiOjAsIklzVmlzaWJsZSI6ZmFsc2UsIkxhc3RLbm93blZpc2liaWxpdHlTdGF0ZSI6ZmFsc2V9LCJJc1Zpc2libGUiOnRydWUsIlZhcmlhbmNlU3R5bGUiOnsiJGlkIjoiNDgwIiwiVGV4dFN0eWxlIjp7IiRpZCI6IjQ4MSIsIkZvbnRTZXR0aW5ncyI6eyIkaWQiOiI0ODIiLCJGb250U2l6ZSI6MTEsIkZvbnROYW1lIjoiQ2FsaWJyaSIsIklzQm9sZCI6ZmFsc2UsIklzSXRhbGljIjpmYWxzZSwiSXNVbmRlcmxpbmVkIjpmYWxzZSwiUGFyZW50U3R5bGUiOm51bGx9LCJBdXRvU2l6ZSI6MCwiRm9yZWdyb3VuZCI6eyIkaWQiOiI0ODMiLCJDb2xvciI6eyIkaWQiOiI0O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MCwiUiI6MjU1LCJHIjoyNTUsIkIiOjI1NX1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RhdGVGb3JtYXQiOnsiJGlkIjoiNT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NCIsIkZvcm1hdCI6MCwiSXNWaXNpYmxlIjpmYWxzZSwiTGFzdEtub3duVmlzaWJpbGl0eVN0YXRlIjpmYWxzZX0sIklzVmlzaWJsZSI6dHJ1ZSwiVmFyaWFuY2VTdHlsZSI6eyIkaWQiOiI1NTUiLCJUZXh0U3R5bGUiOnsiJGlkIjoiNTU2IiwiRm9udFNldHRpbmdzIjp7IiRpZCI6IjU1NyIsIkZvbnRTaXplIjo5LCJGb250TmFtZSI6IkNhbGlicmkiLCJJc0JvbGQiOmZhbHNlLCJJc0l0YWxpYyI6ZmFsc2UsIklzVW5kZXJsaW5lZCI6ZmFsc2UsIlBhcmVudFN0eWxlIjpudWxsfSwiQXV0b1NpemUiOjAsIkZvcmVncm91bmQiOnsiJGlkIjoiNTU4IiwiQ29sb3IiOnsiJGlkIjoiNTU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VmFyaWFuY2VTdHlsZSI6eyIkaWQiOiI3MjMiLCJUZXh0U3R5bGUiOnsiJGlkIjoiNzI0IiwiRm9udFNldHRpbmdzIjp7IiRpZCI6IjcyNSIsIkZvbnRTaXplIjoxMSwiRm9udE5hbWUiOiJDYWxpYnJpIiwiSXNCb2xkIjpmYWxzZSwiSXNJdGFsaWMiOmZhbHNlLCJJc1VuZGVybGluZWQiOmZhbHNlLCJQYXJlbnRTdHlsZSI6bnVsbH0sIkF1dG9TaXplIjowLCJGb3JlZ3JvdW5kIjp7IiRpZCI6IjcyNiIsIkNvbG9yIjp7IiRpZCI6Ijcy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AsIlIiOjAsIkciOjAsIkIiOjB9fSwiSXNWaXNpYmxlIjp0cnVlLCJXaWR0aCI6MC4wLCJIZWlnaHQiOjAuMCwiQm9yZGVyU3R5bGUiOnsiJGlkIjoiNzMyIiwiTGluZUNvbG9yIjpudWxsLCJMaW5lV2VpZ2h0IjowLjAsIkxpbmVUeXBlIjowLCJQYXJlbnRTdHlsZSI6bnVsbH0sIlBhcmVudFN0eWxlIjpudWxsfSwiUGFyZW50U3R5bGUiOm51bGx9LCJQYXJlbnRTdHlsZSI6bnVsbCwiX2V4cGxpY2l0bHlTZXQiOnsiJGlkIjoiNzMz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ciLCJGb3JtYXQiOjAsIklzVmlzaWJsZSI6ZmFsc2UsIkxhc3RLbm93blZpc2liaWxpdHlTdGF0ZSI6ZmFsc2V9LCJJc1Zpc2libGUiOmZhbHNlLCJWYXJpYW5jZVN0eWxlIjp7IiRpZCI6Ijc2OCIsIlRleHRTdHlsZSI6eyIkaWQiOiI3NjkiLCJGb250U2V0dGluZ3MiOnsiJGlkIjoiNzcwIiwiRm9udFNpemUiOjExLCJGb250TmFtZSI6IkNhbGlicmkiLCJJc0JvbGQiOmZhbHNlLCJJc0l0YWxpYyI6ZmFsc2UsIklzVW5kZXJsaW5lZCI6ZmFsc2UsIlBhcmVudFN0eWxlIjpudWxsfSwiQXV0b1NpemUiOjAsIkZvcmVncm91bmQiOnsiJGlkIjoiNzcxIiwiQ29sb3IiOnsiJGlkIjoiNz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iIsIkZvcm1hdCI6MCwiSXNWaXNpYmxlIjpmYWxzZSwiTGFzdEtub3duVmlzaWJpbGl0eVN0YXRlIjpmYWxzZX0sIklzVmlzaWJsZSI6dHJ1ZSwiVmFyaWFuY2VTdHlsZSI6eyIkaWQiOiI4MDciLCJUZXh0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jMiLCJUb3AiOjAuMCwiTGVmdCI6MC4wLCJSaWdodCI6MC4wLCJCb3R0b20iOjAuMH0sIlBhZGRpbmciOnsiJGlkIjoiODI0IiwiVG9wIjowLjAsIkxlZnQiOjAuMCwiUmlnaHQiOjAuMCwiQm90dG9tIjowLjB9LCJCYWNrZ3JvdW5kIjp7IiRpZCI6IjgyNSIsIkNvbG9yIjp7IiRpZCI6IjgyNiIsIkEiOjI1NSwiUiI6MCwiRyI6MCwiQiI6MH19LCJJc1Zpc2libGUiOnRydWUsIldpZHRoIjowLjAsIkhlaWdodCI6MC4wLCJCb3JkZXJTdHlsZSI6bnVsbCwiUGFyZW50U3R5bGUiOm51bGx9LCJSZWN0YW5nb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xNiIsIkZvcm1hdCI6MCwiSXNWaXNpYmxlIjpmYWxzZSwiTGFzdEtub3duVmlzaWJpbGl0eVN0YXRlIjpmYWxzZX0sIklzVmlzaWJsZSI6dHJ1ZSwiVmFyaWFuY2VTdHlsZSI6eyIkaWQiOiI5MTciLCJUZXh0U3R5bGUiOnsiJGlkIjoiOTE4IiwiRm9udFNldHRpbmdzIjp7IiRpZCI6IjkxOSIsIkZvbnRTaXplIjo5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zIiwiRm9ybWF0IjowLCJJc1Zpc2libGUiOmZhbHNlLCJMYXN0S25vd25WaXNpYmlsaXR5U3RhdGUiOmZhbHNlfSwiSXNWaXNpYmxlIjp0cnVlLCJWYXJpYW5jZVN0eWxlIjp7IiRpZCI6Ijk5NCIsIlRleHRTdHlsZSI6eyIkaWQiOiI5OTUiLCJGb250U2V0dGluZ3MiOnsiJGlkIjoiOTk2IiwiRm9udFNpemUiOjk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wNCwiUiI6MjgsIkciOjM2LCJCIjo0Mn19LCJJc1Zpc2libGUiOnRydWUsIldpZHRoIjowLjAsIkhlaWdodCI6MC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MSIsIkZvcm1hdCI6MCwiSXNWaXNpYmxlIjpmYWxzZSwiTGFzdEtub3duVmlzaWJpbGl0eVN0YXRlIjpmYWxzZX0sIklzVmlzaWJsZSI6dHJ1ZSwiVmFyaWFuY2VTdHlsZSI6eyIkaWQiOiIxMTYyIiwiVGV4dF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AsIlIiOjAsIkciOjAsIkIiOjB9fSwiSXNWaXNpYmxlIjp0cnVlLCJXaWR0aCI6MC4wLCJIZWlnaHQiOjAuMCwiQm9yZGVyU3R5bGUiOnsiJGlkIjoiMTE3MSIsIkxpbmVDb2xvciI6bnVsbCwiTGluZVdlaWdodCI6MC4wLCJMaW5lVHlwZSI6MCwiUGFyZW50U3R5bGUiOm51bGx9LCJQYXJlbnRTdHlsZSI6bnVsbH0sIlBhcmVudFN0eWxlIjpudWxsfSwiUGFyZW50U3R5bGUiOm51bGwsIl9leHBsaWNpdGx5U2V0Ijp7IiRpZCI6IjExNz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A2IiwiRm9ybWF0IjowLCJJc1Zpc2libGUiOmZhbHNlLCJMYXN0S25vd25WaXNpYmlsaXR5U3RhdGUiOmZhbHNlfSwiSXNWaXNpYmxlIjpmYWxzZSwiVmFyaWFuY2VTdHlsZSI6eyIkaWQiOiIxMjA3IiwiVGV4dFN0eWxlIjp7IiRpZCI6IjEyMDgiLCJGb250U2V0dGluZ3MiOnsiJGlkIjoiMTIwOSIsIkZvbnRTaXplIjoxMSwiRm9udE5hbWUiOiJDYWxpYnJpIiwiSXNCb2xkIjpmYWxzZSwiSXNJdGFsaWMiOmZhbHNlLCJJc1VuZGVybGluZWQiOmZhbHNlLCJQYXJlbnRTdHlsZSI6bnVsbH0sIkF1dG9TaXplIjowLCJGb3JlZ3JvdW5kIjp7IiRpZCI6IjEyMTAiLCJDb2xvciI6eyIkaWQiOiIxMj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SIsIkZvcm1hdCI6MCwiSXNWaXNpYmxlIjpmYWxzZSwiTGFzdEtub3duVmlzaWJpbGl0eVN0YXRlIjpmYWxzZX0sIklzVmlzaWJsZSI6dHJ1ZSwiVmFyaWFuY2VTdHlsZSI6eyIkaWQiOiIxMjQ2IiwiVGV4dFN0eWxlIjp7IiRpZCI6IjEyNDciLCJGb250U2V0dGluZ3MiOnsiJGlkIjoiMTI0OCIsIkZvbnRTaXplIjoxMSwiRm9udE5hbWUiOiJDYWxpYnJpIiwiSXNCb2xkIjpmYWxzZSwiSXNJdGFsaWMiOmZhbHNlLCJJc1VuZGVybGluZWQiOmZhbHNlLCJQYXJlbnRTdHlsZSI6bnVsbH0sIkF1dG9TaXplIjowLCJGb3JlZ3JvdW5kIjp7IiRpZCI6IjEyNDkiLCJDb2xvciI6eyIkaWQiOiIxMjU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1IiwiRm9ybWF0IjowLCJJc1Zpc2libGUiOmZhbHNlLCJMYXN0S25vd25WaXNpYmlsaXR5U3RhdGUiOmZhbHNlfSwiSXNWaXNpYmxlIjp0cnVlLCJWYXJpYW5jZVN0eWxlIjp7IiRpZCI6IjEzNTYiLCJUZXh0U3R5bGUiOnsiJGlkIjoiMTM1NyIsIkZvbnRTZXR0aW5ncyI6eyIkaWQiOiIxMzU4IiwiRm9udFNpemUiOjksIkZvbnROYW1lIjoiQ2FsaWJyaSIsIklzQm9sZCI6ZmFsc2UsIklzSXRhbGljIjpmYWxzZSwiSXNVbmRlcmxpbmVkIjpmYWxzZSwiUGFyZW50U3R5bGUiOm51bGx9LCJBdXRvU2l6ZSI6MCwiRm9yZWdyb3VuZCI6eyIkaWQiOiIxMzU5IiwiQ29sb3IiOnsiJGlkIjoiMT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yIiwiRm9ybWF0IjowLCJJc1Zpc2libGUiOmZhbHNlLCJMYXN0S25vd25WaXNpYmlsaXR5U3RhdGUiOmZhbHNlfSwiSXNWaXNpYmxlIjp0cnVlLCJWYXJpYW5jZVN0eWxlIjp7IiRpZCI6IjE0MzMiLCJUZXh0U3R5bGUiOnsiJGlkIjoiMTQzNCIsIkZvbnRTZXR0aW5ncyI6eyIkaWQiOiIxNDM1IiwiRm9udFNpemUiOjksIkZvbnROYW1lIjoiQ2FsaWJyaSIsIklzQm9sZCI6ZmFsc2UsIklzSXRhbGljIjpmYWxzZSwiSXNVbmRlcmxpbmVkIjpmYWxzZSwiUGFyZW50U3R5bGUiOm51bGx9LCJBdXRvU2l6ZSI6MCwiRm9yZWdyb3VuZCI6eyIkaWQiOiIxNDM2IiwiQ29sb3IiOnsiJGlkIjoiMTQz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QxIiwiRm9ybWF0IjowLCJJc1Zpc2libGUiOmZhbHNlLCJMYXN0S25vd25WaXNpYmlsaXR5U3RhdGUiOmZhbHNlfSwiSXNWaXNpYmxlIjp0cnVlLCJWYXJpYW5jZVN0eWxlIjp7IiRpZCI6IjE1NDIiLCJUZXh0U3R5bGUiOnsiJGlkIjoiMTU0MyIsIkZvbnRTZXR0aW5ncyI6eyIkaWQiOiIxNTQ0IiwiRm9udFNpemUiOjksIkZvbnROYW1lIjoiQ2FsaWJyaSIsIklzQm9sZCI6ZmFsc2UsIklzSXRhbGljIjpmYWxzZSwiSXNVbmRlcmxpbmVkIjpmYWxzZSwiUGFyZW50U3R5bGUiOm51bGx9LCJBdXRvU2l6ZSI6MCwiRm9yZWdyb3VuZCI6eyIkaWQiOiIxNTQ1IiwiQ29sb3IiOnsiJGlkIjoiMTU0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A5IiwiRm9ybWF0IjowLCJJc1Zpc2libGUiOmZhbHNlLCJMYXN0S25vd25WaXNpYmlsaXR5U3RhdGUiOmZhbHNlfSwiSXNWaXNpYmxlIjp0cnVlLCJWYXJpYW5jZVN0eWxlIjp7IiRpZCI6IjE3MTAiLCJUZXh0U3R5bGUiOnsiJGlkIjoiMTcxMSIsIkZvbnRTZXR0aW5ncyI6eyIkaWQiOiIxNzEyIiwiRm9udFNpemUiOjExLCJGb250TmFtZSI6IkNhbGlicmkiLCJJc0JvbGQiOmZhbHNlLCJJc0l0YWxpYyI6ZmFsc2UsIklzVW5kZXJsaW5lZCI6ZmFsc2UsIlBhcmVudFN0eWxlIjpudWxsfSwiQXV0b1NpemUiOjAsIkZvcmVncm91bmQiOnsiJGlkIjoiMTcxMyIsIkNvbG9yIjp7IiRpZCI6IjE3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MzkiLCJUb3AiOjAuMCwiTGVmdCI6MC4wLCJSaWdodCI6MC4wLCJCb3R0b20iOjAuMH0sIlBhZGRpbmciOnsiJGlkIjoiMTc0MCIsIlRvcCI6MC4wLCJMZWZ0IjowLjAsIlJpZ2h0IjowLjAsIkJvdHRvbSI6MC4wfSwiQmFja2dyb3VuZCI6eyIkaWQiOiIxNzQxIiwiQ29sb3IiOnsiJGlkIjoiMTc0MiIsIkEiOjI1NSwiUiI6MCwiRyI6MCwiQiI6MH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xMCwiRm9udE5hbWUiOiJDYWxpYnJpIiwiSXNCb2xkIjpmYWxzZSwiSXNJdGFsaWMiOmZhbHNlLCJJc1VuZGVybGluZWQiOmZhbHNlLCJQYXJlbnRTdHlsZSI6bnVsbH0sIkF1dG9TaXplIjowLCJGb3JlZ3JvdW5kIjp7IiRpZCI6IjE3NDYiLCJDb2xvciI6eyIkaWQiOiIxNzQ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I1NSwiUiI6MTQsIkciOjQwLCJCIjo2NX19LCJJc1Zpc2libGUiOnRydWUsIldpZHRoIjowLjAsIkhlaWdodCI6MC4wLCJCb3JkZXJTdHlsZSI6eyIkaWQiOiIxNzUyIiwiTGluZUNvbG9yIjpudWxsLCJMaW5lV2VpZ2h0IjowLjAsIkxpbmVUeXBlIjowLCJQYXJlbnRTdHlsZSI6bnVsbH0sIlBhcmVudFN0eWxlIjpudWxsfSwiRGF0ZUZvcm1hdCI6eyIkaWQiOiIxNz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TQiLCJGb3JtYXQiOjAsIklzVmlzaWJsZSI6ZmFsc2UsIkxhc3RLbm93blZpc2liaWxpdHlTdGF0ZSI6ZmFsc2V9LCJJc1Zpc2libGUiOmZhbHNlLCJWYXJpYW5jZVN0eWxlIjp7IiRpZCI6IjE3NTUiLCJUZXh0U3R5bGUiOnsiJGlkIjoiMTc1NiIsIkZvbnRTZXR0aW5ncyI6eyIkaWQiOiIxNzU3IiwiRm9udFNpemUiOjExLCJGb250TmFtZSI6IkNhbGlicmkiLCJJc0JvbGQiOmZhbHNlLCJJc0l0YWxpYyI6ZmFsc2UsIklzVW5kZXJsaW5lZCI6ZmFsc2UsIlBhcmVudFN0eWxlIjpudWxsfSwiQXV0b1NpemUiOjAsIkZvcmVncm91bmQiOnsiJGlkIjoiMTc1OCIsIkNvbG9yIjp7IiRpZCI6IjE3N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5MyIsIkZvcm1hdCI6MCwiSXNWaXNpYmxlIjpmYWxzZSwiTGFzdEtub3duVmlzaWJpbGl0eVN0YXRlIjpmYWxzZX0sIklzVmlzaWJsZSI6dHJ1ZSwiVmFyaWFuY2VTdHlsZSI6eyIkaWQiOiIxNzk0IiwiVGV4dFN0eWxlIjp7IiRpZCI6IjE3OTUiLCJGb250U2V0dGluZ3MiOnsiJGlkIjoiMTc5NiIsIkZvbnRTaXplIjoxMSwiRm9udE5hbWUiOiJDYWxpYnJpIiwiSXNCb2xkIjpmYWxzZSwiSXNJdGFsaWMiOmZhbHNlLCJJc1VuZGVybGluZWQiOmZhbHNlLCJQYXJlbnRTdHlsZSI6bnVsbH0sIkF1dG9TaXplIjowLCJGb3JlZ3JvdW5kIjp7IiRpZCI6IjE3OTciLCJDb2xvciI6eyIkaWQiOiIxNzk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DMiLCJGb3JtYXQiOjAsIklzVmlzaWJsZSI6ZmFsc2UsIkxhc3RLbm93blZpc2liaWxpdHlTdGF0ZSI6ZmFsc2V9LCJJc1Zpc2libGUiOnRydWUsIlZhcmlhbmNlU3R5bGUiOnsiJGlkIjoiMTkwNCIsIlRleHRTdHlsZSI6eyIkaWQiOiIxOTA1IiwiRm9udFNldHRpbmdzIjp7IiRpZCI6IjE5MDYiLCJGb250U2l6ZSI6OSwiRm9udE5hbWUiOiJDYWxpYnJpIiwiSXNCb2xkIjpmYWxzZSwiSXNJdGFsaWMiOmZhbHNlLCJJc1VuZGVybGluZWQiOmZhbHNlLCJQYXJlbnRTdHlsZSI6bnVsbH0sIkF1dG9TaXplIjowLCJGb3JlZ3JvdW5kIjp7IiRpZCI6IjE5MDciLCJDb2xvciI6eyIkaWQiOiIxOTA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g1IiwiRm9ybWF0IjowLCJJc1Zpc2libGUiOmZhbHNlLCJMYXN0S25vd25WaXNpYmlsaXR5U3RhdGUiOmZhbHNlfSwiSXNWaXNpYmxlIjp0cnVlLCJWYXJpYW5jZVN0eWxlIjp7IiRpZCI6IjE5ODYiLCJUZXh0U3R5bGUiOnsiJGlkIjoiMTk4NyIsIkZvbnRTZXR0aW5ncyI6eyIkaWQiOiIxOTg4IiwiRm9udFNpemUiOjExLCJGb250TmFtZSI6IkNhbGlicmkiLCJJc0JvbGQiOmZhbHNlLCJJc0l0YWxpYyI6ZmFsc2UsIklzVW5kZXJsaW5lZCI6ZmFsc2UsIlBhcmVudFN0eWxlIjpudWxsfSwiQXV0b1NpemUiOjAsIkZvcmVncm91bmQiOnsiJGlkIjoiMTk4OSIsIkNvbG9yIjp7IiRpZCI6IjE5O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jAiLCJGb3JtYXQiOjAsIklzVmlzaWJsZSI6ZmFsc2UsIkxhc3RLbm93blZpc2liaWxpdHlTdGF0ZSI6ZmFsc2V9LCJJc1Zpc2libGUiOnRydWUsIlZhcmlhbmNlU3R5bGUiOnsiJGlkIjoiMjA2MSIsIlRleHRTdHlsZSI6eyIkaWQiOiIyMDYyIiwiRm9udFNldHRpbmdzIjp7IiRpZCI6IjIwNjMiLCJGb250U2l6ZSI6OSwiRm9udE5hbWUiOiJDYWxpYnJpIiwiSXNCb2xkIjpmYWxzZSwiSXNJdGFsaWMiOmZhbHNlLCJJc1VuZGVybGluZWQiOmZhbHNlLCJQYXJlbnRTdHlsZSI6bnVsbH0sIkF1dG9TaXplIjowLCJGb3JlZ3JvdW5kIjp7IiRpZCI6IjIwNjQiLCJDb2xvciI6eyIkaWQiOiIyMDY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I4IiwiRm9ybWF0IjowLCJJc1Zpc2libGUiOmZhbHNlLCJMYXN0S25vd25WaXNpYmlsaXR5U3RhdGUiOmZhbHNlfSwiSXNWaXNpYmxlIjp0cnVlLCJWYXJpYW5jZVN0eWxlIjp7IiRpZCI6IjIyMjkiLCJUZXh0U3R5bGUiOnsiJGlkIjoiMjIzMCIsIkZvbnRTZXR0aW5ncyI6eyIkaWQiOiIyMjMxIiwiRm9udFNpemUiOjExLCJGb250TmFtZSI6IkNhbGlicmkiLCJJc0JvbGQiOmZhbHNlLCJJc0l0YWxpYyI6ZmFsc2UsIklzVW5kZXJsaW5lZCI6ZmFsc2UsIlBhcmVudFN0eWxlIjpudWxsfSwiQXV0b1NpemUiOjAsIkZvcmVncm91bmQiOnsiJGlkIjoiMjIzMiIsIkNvbG9yIjp7IiRpZCI6IjIyM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3MyIsIkZvcm1hdCI6MCwiSXNWaXNpYmxlIjpmYWxzZSwiTGFzdEtub3duVmlzaWJpbGl0eVN0YXRlIjpmYWxzZX0sIklzVmlzaWJsZSI6dHJ1ZSwiVmFyaWFuY2VTdHlsZSI6eyIkaWQiOiIyMjc0IiwiVGV4dFN0eWxlIjp7IiRpZCI6IjIyNzUiLCJGb250U2V0dGluZ3MiOnsiJGlkIjoiMjI3NiIsIkZvbnRTaXplIjoxMSwiRm9udE5hbWUiOiJDYWxpYnJpIiwiSXNCb2xkIjpmYWxzZSwiSXNJdGFsaWMiOmZhbHNlLCJJc1VuZGVybGluZWQiOmZhbHNlLCJQYXJlbnRTdHlsZSI6bnVsbH0sIkF1dG9TaXplIjowLCJGb3JlZ3JvdW5kIjp7IiRpZCI6IjIyNzciLCJDb2xvciI6eyIkaWQiOiIyMj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xMiIsIkZvcm1hdCI6MCwiSXNWaXNpYmxlIjpmYWxzZSwiTGFzdEtub3duVmlzaWJpbGl0eVN0YXRlIjpmYWxzZX0sIklzVmlzaWJsZSI6dHJ1ZSwiVmFyaWFuY2VTdHlsZSI6eyIkaWQiOiIyMzEzIiwiVGV4dFN0eWxlIjp7IiRpZCI6IjIzMTQiLCJGb250U2V0dGluZ3MiOnsiJGlkIjoiMjMxNSIsIkZvbnRTaXplIjoxMSwiRm9udE5hbWUiOiJDYWxpYnJpIiwiSXNCb2xkIjpmYWxzZSwiSXNJdGFsaWMiOmZhbHNlLCJJc1VuZGVybGluZWQiOmZhbHNlLCJQYXJlbnRTdHlsZSI6bnVsbH0sIkF1dG9TaXplIjowLCJGb3JlZ3JvdW5kIjp7IiRpZCI6IjIzMTYiLCJDb2xvciI6eyIkaWQiOiIyMz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yMiIsIkZvcm1hdCI6MCwiSXNWaXNpYmxlIjpmYWxzZSwiTGFzdEtub3duVmlzaWJpbGl0eVN0YXRlIjpmYWxzZX0sIklzVmlzaWJsZSI6dHJ1ZSwiVmFyaWFuY2VTdHlsZSI6eyIkaWQiOiIyNDIzIiwiVGV4dFN0eWxlIjp7IiRpZCI6IjI0MjQiLCJGb250U2V0dGluZ3MiOnsiJGlkIjoiMjQyNSIsIkZvbnRTaXplIjo5LCJGb250TmFtZSI6IkNhbGlicmkiLCJJc0JvbGQiOmZhbHNlLCJJc0l0YWxpYyI6ZmFsc2UsIklzVW5kZXJsaW5lZCI6ZmFsc2UsIlBhcmVudFN0eWxlIjpudWxsfSwiQXV0b1NpemUiOjAsIkZvcmVncm91bmQiOnsiJGlkIjoiMjQyNiIsIkNvbG9yIjp7IiRpZCI6IjI0Mj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5OSIsIkZvcm1hdCI6MCwiSXNWaXNpYmxlIjpmYWxzZSwiTGFzdEtub3duVmlzaWJpbGl0eVN0YXRlIjpmYWxzZX0sIklzVmlzaWJsZSI6dHJ1ZSwiVmFyaWFuY2VTdHlsZSI6eyIkaWQiOiIyNTAwIiwiVGV4dFN0eWxlIjp7IiRpZCI6IjI1MDEiLCJGb250U2V0dGluZ3MiOnsiJGlkIjoiMjUwMiIsIkZvbnRTaXplIjo5LCJGb250TmFtZSI6IkNhbGlicmkiLCJJc0JvbGQiOmZhbHNlLCJJc0l0YWxpYyI6ZmFsc2UsIklzVW5kZXJsaW5lZCI6ZmFsc2UsIlBhcmVudFN0eWxlIjpudWxsfSwiQXV0b1NpemUiOjAsIkZvcmVncm91bmQiOnsiJGlkIjoiMjUwMyIsIkNvbG9yIjp7IiRpZCI6IjI1MD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4IiwiRm9ybWF0IjowLCJJc1Zpc2libGUiOmZhbHNlLCJMYXN0S25vd25WaXNpYmlsaXR5U3RhdGUiOmZhbHNlfSwiSXNWaXNpYmxlIjp0cnVlLCJWYXJpYW5jZVN0eWxlIjp7IiRpZCI6IjI2MDkiLCJUZXh0U3R5bGUiOnsiJGlkIjoiMjYxMCIsIkZvbnRTZXR0aW5ncyI6eyIkaWQiOiIyNjExIiwiRm9udFNpemUiOjksIkZvbnROYW1lIjoiQ2FsaWJyaSIsIklzQm9sZCI6ZmFsc2UsIklzSXRhbGljIjpmYWxzZSwiSXNVbmRlcmxpbmVkIjpmYWxzZSwiUGFyZW50U3R5bGUiOm51bGx9LCJBdXRvU2l6ZSI6MCwiRm9yZWdyb3VuZCI6eyIkaWQiOiIyNjEyIiwiQ29sb3IiOnsiJGlkIjoiMjYx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zYiLCJGb3JtYXQiOjAsIklzVmlzaWJsZSI6ZmFsc2UsIkxhc3RLbm93blZpc2liaWxpdHlTdGF0ZSI6ZmFsc2V9LCJJc1Zpc2libGUiOnRydWUsIlZhcmlhbmNlU3R5bGUiOnsiJGlkIjoiMjc3NyIsIlRleHRTdHlsZSI6eyIkaWQiOiIyNzc4IiwiRm9udFNldHRpbmdzIjp7IiRpZCI6IjI3NzkiLCJGb250U2l6ZSI6MTEsIkZvbnROYW1lIjoiQ2FsaWJyaSIsIklzQm9sZCI6ZmFsc2UsIklzSXRhbGljIjpmYWxzZSwiSXNVbmRlcmxpbmVkIjpmYWxzZSwiUGFyZW50U3R5bGUiOm51bGx9LCJBdXRvU2l6ZSI6MCwiRm9yZWdyb3VuZCI6eyIkaWQiOiIyNzgwIiwiQ29sb3IiOnsiJGlkIjoiMjc4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IxIiwiRm9ybWF0IjowLCJJc1Zpc2libGUiOmZhbHNlLCJMYXN0S25vd25WaXNpYmlsaXR5U3RhdGUiOmZhbHNlfSwiSXNWaXNpYmxlIjpmYWxzZSwiVmFyaWFuY2VTdHlsZSI6eyIkaWQiOiIyODIyIiwiVGV4dFN0eWxlIjp7IiRpZCI6IjI4MjMiLCJGb250U2V0dGluZ3MiOnsiJGlkIjoiMjgyNCIsIkZvbnRTaXplIjoxMSwiRm9udE5hbWUiOiJDYWxpYnJpIiwiSXNCb2xkIjpmYWxzZSwiSXNJdGFsaWMiOmZhbHNlLCJJc1VuZGVybGluZWQiOmZhbHNlLCJQYXJlbnRTdHlsZSI6bnVsbH0sIkF1dG9TaXplIjowLCJGb3JlZ3JvdW5kIjp7IiRpZCI6IjI4MjUiLCJDb2xvciI6eyIkaWQiOiIyOD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jAiLCJGb3JtYXQiOjAsIklzVmlzaWJsZSI6ZmFsc2UsIkxhc3RLbm93blZpc2liaWxpdHlTdGF0ZSI6ZmFsc2V9LCJJc1Zpc2libGUiOnRydWUsIlZhcmlhbmNlU3R5bGUiOnsiJGlkIjoiMjg2MSIsIlRleHRTdHlsZSI6eyIkaWQiOiIyODYyIiwiRm9udFNldHRpbmdzIjp7IiRpZCI6IjI4NjMiLCJGb250U2l6ZSI6MTEsIkZvbnROYW1lIjoiQ2FsaWJyaSIsIklzQm9sZCI6ZmFsc2UsIklzSXRhbGljIjpmYWxzZSwiSXNVbmRlcmxpbmVkIjpmYWxzZSwiUGFyZW50U3R5bGUiOm51bGx9LCJBdXRvU2l6ZSI6MCwiRm9yZWdyb3VuZCI6eyIkaWQiOiIyODY0IiwiQ29sb3IiOnsiJGlkIjoiMjg2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0MyIsIkZvcm1hdCI6MCwiSXNWaXNpYmxlIjpmYWxzZSwiTGFzdEtub3duVmlzaWJpbGl0eVN0YXRlIjpmYWxzZX0sIklzVmlzaWJsZSI6dHJ1ZSwiVmFyaWFuY2VTdHlsZSI6eyIkaWQiOiIyOTQ0IiwiVGV4dFN0eWxlIjp7IiRpZCI6IjI5NDUiLCJGb250U2V0dGluZ3MiOnsiJGlkIjoiMjk0NiIsIkZvbnRTaXplIjoxMSwiRm9udE5hbWUiOiJDYWxpYnJpIiwiSXNCb2xkIjpmYWxzZSwiSXNJdGFsaWMiOmZhbHNlLCJJc1VuZGVybGluZWQiOmZhbHNlLCJQYXJlbnRTdHlsZSI6bnVsbH0sIkF1dG9TaXplIjowLCJGb3JlZ3JvdW5kIjp7IiRpZCI6IjI5NDciLCJDb2xvciI6eyIkaWQiOiIyOTQ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E4IiwiRm9ybWF0IjowLCJJc1Zpc2libGUiOmZhbHNlLCJMYXN0S25vd25WaXNpYmlsaXR5U3RhdGUiOmZhbHNlfSwiSXNWaXNpYmxlIjp0cnVlLCJWYXJpYW5jZVN0eWxlIjp7IiRpZCI6IjMwMTkiLCJUZXh0U3R5bGUiOnsiJGlkIjoiMzAyMCIsIkZvbnRTZXR0aW5ncyI6eyIkaWQiOiIzMDIxIiwiRm9udFNpemUiOjksIkZvbnROYW1lIjoiQ2FsaWJyaSIsIklzQm9sZCI6ZmFsc2UsIklzSXRhbGljIjpmYWxzZSwiSXNVbmRlcmxpbmVkIjpmYWxzZSwiUGFyZW50U3R5bGUiOm51bGx9LCJBdXRvU2l6ZSI6MCwiRm9yZWdyb3VuZCI6eyIkaWQiOiIzMDIyIiwiQ29sb3IiOnsiJGlkIjoiMzAy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g2IiwiRm9ybWF0IjowLCJJc1Zpc2libGUiOmZhbHNlLCJMYXN0S25vd25WaXNpYmlsaXR5U3RhdGUiOmZhbHNlfSwiSXNWaXNpYmxlIjp0cnVlLCJWYXJpYW5jZVN0eWxlIjp7IiRpZCI6IjMxODciLCJUZXh0U3R5bGUiOnsiJGlkIjoiMzE4OCIsIkZvbnRTZXR0aW5ncyI6eyIkaWQiOiIzMTg5IiwiRm9udFNpemUiOjExLCJGb250TmFtZSI6IkNhbGlicmkiLCJJc0JvbGQiOmZhbHNlLCJJc0l0YWxpYyI6ZmFsc2UsIklzVW5kZXJsaW5lZCI6ZmFsc2UsIlBhcmVudFN0eWxlIjpudWxsfSwiQXV0b1NpemUiOjAsIkZvcmVncm91bmQiOnsiJGlkIjoiMzE5MCIsIkNvbG9yIjp7IiRpZCI6IjMx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zEiLCJGb3JtYXQiOjAsIklzVmlzaWJsZSI6ZmFsc2UsIkxhc3RLbm93blZpc2liaWxpdHlTdGF0ZSI6ZmFsc2V9LCJJc1Zpc2libGUiOmZhbHNlLCJWYXJpYW5jZVN0eWxlIjp7IiRpZCI6IjMyMzIiLCJUZXh0U3R5bGUiOnsiJGlkIjoiMzIzMyIsIkZvbnRTZXR0aW5ncyI6eyIkaWQiOiIzMjM0IiwiRm9udFNpemUiOjExLCJGb250TmFtZSI6IkNhbGlicmkiLCJJc0JvbGQiOmZhbHNlLCJJc0l0YWxpYyI6ZmFsc2UsIklzVW5kZXJsaW5lZCI6ZmFsc2UsIlBhcmVudFN0eWxlIjpudWxsfSwiQXV0b1NpemUiOjAsIkZvcmVncm91bmQiOnsiJGlkIjoiMzIzNSIsIkNvbG9yIjp7IiRpZCI6IjMyM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wIiwiRm9ybWF0IjowLCJJc1Zpc2libGUiOmZhbHNlLCJMYXN0S25vd25WaXNpYmlsaXR5U3RhdGUiOmZhbHNlfSwiSXNWaXNpYmxlIjp0cnVlLCJWYXJpYW5jZVN0eWxlIjp7IiRpZCI6IjMyNzEiLCJUZXh0U3R5bGUiOnsiJGlkIjoiMzI3MiIsIkZvbnRTZXR0aW5ncyI6eyIkaWQiOiIzMjczIiwiRm9udFNpemUiOjExLCJGb250TmFtZSI6IkNhbGlicmkiLCJJc0JvbGQiOmZhbHNlLCJJc0l0YWxpYyI6ZmFsc2UsIklzVW5kZXJsaW5lZCI6ZmFsc2UsIlBhcmVudFN0eWxlIjpudWxsfSwiQXV0b1NpemUiOjAsIkZvcmVncm91bmQiOnsiJGlkIjoiMzI3NCIsIkNvbG9yIjp7IiRpZCI6IjMyN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0NyIsIkZvcm1hdCI6MCwiSXNWaXNpYmxlIjpmYWxzZSwiTGFzdEtub3duVmlzaWJpbGl0eVN0YXRlIjpmYWxzZX0sIklzVmlzaWJsZSI6dHJ1ZSwiVmFyaWFuY2VTdHlsZSI6eyIkaWQiOiIzMzQ4IiwiVGV4dFN0eWxlIjp7IiRpZCI6IjMzNDkiLCJGb250U2V0dGluZ3MiOnsiJGlkIjoiMzM1MCIsIkZvbnRTaXplIjoxMSwiRm9udE5hbWUiOiJDYWxpYnJpIiwiSXNCb2xkIjpmYWxzZSwiSXNJdGFsaWMiOmZhbHNlLCJJc1VuZGVybGluZWQiOmZhbHNlLCJQYXJlbnRTdHlsZSI6bnVsbH0sIkF1dG9TaXplIjowLCJGb3JlZ3JvdW5kIjp7IiRpZCI6IjMzNTEiLCJDb2xvciI6eyIkaWQiOiIzMzU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4OCIsIkZvcm1hdCI6MCwiSXNWaXNpYmxlIjpmYWxzZSwiTGFzdEtub3duVmlzaWJpbGl0eVN0YXRlIjpmYWxzZX0sIklzVmlzaWJsZSI6dHJ1ZSwiVmFyaWFuY2VTdHlsZSI6eyIkaWQiOiIzMzg5IiwiVGV4dFN0eWxlIjp7IiRpZCI6IjMzOTAiLCJGb250U2V0dGluZ3MiOnsiJGlkIjoiMzM5MSIsIkZvbnRTaXplIjoxMSwiRm9udE5hbWUiOiJDYWxpYnJpIiwiSXNCb2xkIjpmYWxzZSwiSXNJdGFsaWMiOmZhbHNlLCJJc1VuZGVybGluZWQiOmZhbHNlLCJQYXJlbnRTdHlsZSI6bnVsbH0sIkF1dG9TaXplIjowLCJGb3JlZ3JvdW5kIjp7IiRpZCI6IjMzOTIiLCJDb2xvciI6eyIkaWQiOiIzMzk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U0IiwiRm9ybWF0IjowLCJJc1Zpc2libGUiOmZhbHNlLCJMYXN0S25vd25WaXNpYmlsaXR5U3RhdGUiOmZhbHNlfSwiSXNWaXNpYmxlIjp0cnVlLCJWYXJpYW5jZVN0eWxlIjp7IiRpZCI6IjM1NTUiLCJUZXh0U3R5bGUiOnsiJGlkIjoiMzU1NiIsIkZvbnRTZXR0aW5ncyI6eyIkaWQiOiIzNTU3IiwiRm9udFNpemUiOjExLCJGb250TmFtZSI6IkNhbGlicmkiLCJJc0JvbGQiOmZhbHNlLCJJc0l0YWxpYyI6ZmFsc2UsIklzVW5kZXJsaW5lZCI6ZmFsc2UsIlBhcmVudFN0eWxlIjpudWxsfSwiQXV0b1NpemUiOjAsIkZvcmVncm91bmQiOnsiJGlkIjoiMzU1OCIsIkNvbG9yIjp7IiRpZCI6IjM1N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TkiLCJGb3JtYXQiOjAsIklzVmlzaWJsZSI6ZmFsc2UsIkxhc3RLbm93blZpc2liaWxpdHlTdGF0ZSI6ZmFsc2V9LCJJc1Zpc2libGUiOmZhbHNlLCJWYXJpYW5jZVN0eWxlIjp7IiRpZCI6IjM2MDAiLCJUZXh0U3R5bGUiOnsiJGlkIjoiMzYwMSIsIkZvbnRTZXR0aW5ncyI6eyIkaWQiOiIzNjAyIiwiRm9udFNpemUiOjExLCJGb250TmFtZSI6IkNhbGlicmkiLCJJc0JvbGQiOmZhbHNlLCJJc0l0YWxpYyI6ZmFsc2UsIklzVW5kZXJsaW5lZCI6ZmFsc2UsIlBhcmVudFN0eWxlIjpudWxsfSwiQXV0b1NpemUiOjAsIkZvcmVncm91bmQiOnsiJGlkIjoiMzYwMyIsIkNvbG9yIjp7IiRpZCI6IjM2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zOCIsIkZvcm1hdCI6MCwiSXNWaXNpYmxlIjpmYWxzZSwiTGFzdEtub3duVmlzaWJpbGl0eVN0YXRlIjpmYWxzZX0sIklzVmlzaWJsZSI6dHJ1ZSwiVmFyaWFuY2VTdHlsZSI6eyIkaWQiOiIzNjM5IiwiVGV4dFN0eWxlIjp7IiRpZCI6IjM2NDAiLCJGb250U2V0dGluZ3MiOnsiJGlkIjoiMzY0MSIsIkZvbnRTaXplIjoxMSwiRm9udE5hbWUiOiJDYWxpYnJpIiwiSXNCb2xkIjpmYWxzZSwiSXNJdGFsaWMiOmZhbHNlLCJJc1VuZGVybGluZWQiOmZhbHNlLCJQYXJlbnRTdHlsZSI6bnVsbH0sIkF1dG9TaXplIjowLCJGb3JlZ3JvdW5kIjp7IiRpZCI6IjM2NDIiLCJDb2xvciI6eyIkaWQiOiIzN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yNyIsIkZvcm1hdCI6MCwiSXNWaXNpYmxlIjpmYWxzZSwiTGFzdEtub3duVmlzaWJpbGl0eVN0YXRlIjpmYWxzZX0sIklzVmlzaWJsZSI6dHJ1ZSwiVmFyaWFuY2VTdHlsZSI6eyIkaWQiOiIzODI4IiwiVGV4dFN0eWxlIjp7IiRpZCI6IjM4MjkiLCJGb250U2V0dGluZ3MiOnsiJGlkIjoiMzgzMCIsIkZvbnRTaXplIjoxMSwiRm9udE5hbWUiOiJDYWxpYnJpIiwiSXNCb2xkIjpmYWxzZSwiSXNJdGFsaWMiOmZhbHNlLCJJc1VuZGVybGluZWQiOmZhbHNlLCJQYXJlbnRTdHlsZSI6bnVsbH0sIkF1dG9TaXplIjowLCJGb3JlZ3JvdW5kIjp7IiRpZCI6IjM4MzEiLCJDb2xvciI6eyIkaWQiOiIzODM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cxIiwiRm9ybWF0IjowLCJJc1Zpc2libGUiOmZhbHNlLCJMYXN0S25vd25WaXNpYmlsaXR5U3RhdGUiOmZhbHNlfSwiSXNWaXNpYmxlIjp0cnVlLCJWYXJpYW5jZVN0eWxlIjp7IiRpZCI6IjM4NzIiLCJUZXh0U3R5bGUiOnsiJGlkIjoiMzg3MyIsIkZvbnRTZXR0aW5ncyI6eyIkaWQiOiIzODc0IiwiRm9udFNpemUiOjExLCJGb250TmFtZSI6IkNhbGlicmkiLCJJc0JvbGQiOmZhbHNlLCJJc0l0YWxpYyI6ZmFsc2UsIklzVW5kZXJsaW5lZCI6ZmFsc2UsIlBhcmVudFN0eWxlIjpudWxsfSwiQXV0b1NpemUiOjAsIkZvcmVncm91bmQiOnsiJGlkIjoiMzg3NSIsIkNvbG9yIjp7IiRpZCI6IjM4N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0NSIsIkZvcm1hdCI6MCwiSXNWaXNpYmxlIjpmYWxzZSwiTGFzdEtub3duVmlzaWJpbGl0eVN0YXRlIjpmYWxzZX0sIklzVmlzaWJsZSI6dHJ1ZSwiVmFyaWFuY2VTdHlsZSI6eyIkaWQiOiIzOTQ2IiwiVGV4dFN0eWxlIjp7IiRpZCI6IjM5NDciLCJGb250U2V0dGluZ3MiOnsiJGlkIjoiMzk0OCIsIkZvbnRTaXplIjoxMSwiRm9udE5hbWUiOiJDYWxpYnJpIiwiSXNCb2xkIjpmYWxzZSwiSXNJdGFsaWMiOmZhbHNlLCJJc1VuZGVybGluZWQiOmZhbHNlLCJQYXJlbnRTdHlsZSI6bnVsbH0sIkF1dG9TaXplIjowLCJGb3JlZ3JvdW5kIjp7IiRpZCI6IjM5NDkiLCJDb2xvciI6eyIkaWQiOiIzOTU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0IiwiRm9ybWF0IjowLCJJc1Zpc2libGUiOmZhbHNlLCJMYXN0S25vd25WaXNpYmlsaXR5U3RhdGUiOmZhbHNlfSwiSXNWaXNpYmxlIjp0cnVlLCJWYXJpYW5jZVN0eWxlIjp7IiRpZCI6IjQwNzUiLCJUZXh0U3R5bGUiOnsiJGlkIjoiNDA3NiIsIkZvbnRTZXR0aW5ncyI6eyIkaWQiOiI0MDc3IiwiRm9udFNpemUiOjExLCJGb250TmFtZSI6IkNhbGlicmkiLCJJc0JvbGQiOmZhbHNlLCJJc0l0YWxpYyI6ZmFsc2UsIklzVW5kZXJsaW5lZCI6ZmFsc2UsIlBhcmVudFN0eWxlIjpudWxsfSwiQXV0b1NpemUiOjAsIkZvcmVncm91bmQiOnsiJGlkIjoiNDA3OCIsIkNvbG9yIjp7IiRpZCI6IjQwN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xOSIsIkZvcm1hdCI6MCwiSXNWaXNpYmxlIjpmYWxzZSwiTGFzdEtub3duVmlzaWJpbGl0eVN0YXRlIjpmYWxzZX0sIklzVmlzaWJsZSI6dHJ1ZSwiVmFyaWFuY2VTdHlsZSI6eyIkaWQiOiI0MTIwIiwiVGV4dFN0eWxlIjp7IiRpZCI6IjQxMjEiLCJGb250U2V0dGluZ3MiOnsiJGlkIjoiNDEyMiIsIkZvbnRTaXplIjoxMSwiRm9udE5hbWUiOiJDYWxpYnJpIiwiSXNCb2xkIjpmYWxzZSwiSXNJdGFsaWMiOmZhbHNlLCJJc1VuZGVybGluZWQiOmZhbHNlLCJQYXJlbnRTdHlsZSI6bnVsbH0sIkF1dG9TaXplIjowLCJGb3JlZ3JvdW5kIjp7IiRpZCI6IjQxMjMiLCJDb2xvciI6eyIkaWQiOiI0MTI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1OCIsIkZvcm1hdCI6MCwiSXNWaXNpYmxlIjpmYWxzZSwiTGFzdEtub3duVmlzaWJpbGl0eVN0YXRlIjpmYWxzZX0sIklzVmlzaWJsZSI6dHJ1ZSwiVmFyaWFuY2VTdHlsZSI6eyIkaWQiOiI0MTU5IiwiVGV4dFN0eWxlIjp7IiRpZCI6IjQxNjAiLCJGb250U2V0dGluZ3MiOnsiJGlkIjoiNDE2MSIsIkZvbnRTaXplIjoxMSwiRm9udE5hbWUiOiJDYWxpYnJpIiwiSXNCb2xkIjpmYWxzZSwiSXNJdGFsaWMiOmZhbHNlLCJJc1VuZGVybGluZWQiOmZhbHNlLCJQYXJlbnRTdHlsZSI6bnVsbH0sIkF1dG9TaXplIjowLCJGb3JlZ3JvdW5kIjp7IiRpZCI6IjQxNjIiLCJDb2xvciI6eyIkaWQiOiI0MTY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NCIsIkZvcm1hdCI6MCwiSXNWaXNpYmxlIjpmYWxzZSwiTGFzdEtub3duVmlzaWJpbGl0eVN0YXRlIjpmYWxzZX0sIklzVmlzaWJsZSI6dHJ1ZSwiVmFyaWFuY2VTdHlsZSI6eyIkaWQiOiI0Mjk1IiwiVGV4dFN0eWxlIjp7IiRpZCI6IjQyOTYiLCJGb250U2V0dGluZ3MiOnsiJGlkIjoiNDI5NyIsIkZvbnRTaXplIjoxMSwiRm9udE5hbWUiOiJDYWxpYnJpIiwiSXNCb2xkIjpmYWxzZSwiSXNJdGFsaWMiOmZhbHNlLCJJc1VuZGVybGluZWQiOmZhbHNlLCJQYXJlbnRTdHlsZSI6bnVsbH0sIkF1dG9TaXplIjowLCJGb3JlZ3JvdW5kIjp7IiRpZCI6IjQyOTgiLCJDb2xvciI6eyIkaWQiOiI0Mj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zkiLCJGb3JtYXQiOjAsIklzVmlzaWJsZSI6ZmFsc2UsIkxhc3RLbm93blZpc2liaWxpdHlTdGF0ZSI6ZmFsc2V9LCJJc1Zpc2libGUiOmZhbHNlLCJWYXJpYW5jZVN0eWxlIjp7IiRpZCI6IjQzNDAiLCJUZXh0U3R5bGUiOnsiJGlkIjoiNDM0MSIsIkZvbnRTZXR0aW5ncyI6eyIkaWQiOiI0MzQyIiwiRm9udFNpemUiOjExLCJGb250TmFtZSI6IkNhbGlicmkiLCJJc0JvbGQiOmZhbHNlLCJJc0l0YWxpYyI6ZmFsc2UsIklzVW5kZXJsaW5lZCI6ZmFsc2UsIlBhcmVudFN0eWxlIjpudWxsfSwiQXV0b1NpemUiOjAsIkZvcmVncm91bmQiOnsiJGlkIjoiNDM0MyIsIkNvbG9yIjp7IiRpZCI6IjQzN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OCIsIkZvcm1hdCI6MCwiSXNWaXNpYmxlIjpmYWxzZSwiTGFzdEtub3duVmlzaWJpbGl0eVN0YXRlIjpmYWxzZX0sIklzVmlzaWJsZSI6dHJ1ZSwiVmFyaWFuY2VTdHlsZSI6eyIkaWQiOiI0Mzc5IiwiVGV4dFN0eWxlIjp7IiRpZCI6IjQzODAiLCJGb250U2V0dGluZ3MiOnsiJGlkIjoiNDM4MSIsIkZvbnRTaXplIjoxMSwiRm9udE5hbWUiOiJDYWxpYnJpIiwiSXNCb2xkIjpmYWxzZSwiSXNJdGFsaWMiOmZhbHNlLCJJc1VuZGVybGluZWQiOmZhbHNlLCJQYXJlbnRTdHlsZSI6bnVsbH0sIkF1dG9TaXplIjowLCJGb3JlZ3JvdW5kIjp7IiRpZCI6IjQzODIiLCJDb2xvciI6eyIkaWQiOiI0M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E0IiwiRm9ybWF0IjowLCJJc1Zpc2libGUiOmZhbHNlLCJMYXN0S25vd25WaXNpYmlsaXR5U3RhdGUiOmZhbHNlfSwiSXNWaXNpYmxlIjp0cnVlLCJWYXJpYW5jZVN0eWxlIjp7IiRpZCI6IjQ1MTUiLCJUZXh0U3R5bGUiOnsiJGlkIjoiNDUxNiIsIkZvbnRTZXR0aW5ncyI6eyIkaWQiOiI0NTE3IiwiRm9udFNpemUiOjExLCJGb250TmFtZSI6IkNhbGlicmkiLCJJc0JvbGQiOmZhbHNlLCJJc0l0YWxpYyI6ZmFsc2UsIklzVW5kZXJsaW5lZCI6ZmFsc2UsIlBhcmVudFN0eWxlIjpudWxsfSwiQXV0b1NpemUiOjAsIkZvcmVncm91bmQiOnsiJGlkIjoiNDUxOCIsIkNvbG9yIjp7IiRpZCI6IjQ1M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TkiLCJGb3JtYXQiOjAsIklzVmlzaWJsZSI6ZmFsc2UsIkxhc3RLbm93blZpc2liaWxpdHlTdGF0ZSI6ZmFsc2V9LCJJc1Zpc2libGUiOmZhbHNlLCJWYXJpYW5jZVN0eWxlIjp7IiRpZCI6IjQ1NjAiLCJUZXh0U3R5bGUiOnsiJGlkIjoiNDU2MSIsIkZvbnRTZXR0aW5ncyI6eyIkaWQiOiI0NTYyIiwiRm9udFNpemUiOjExLCJGb250TmFtZSI6IkNhbGlicmkiLCJJc0JvbGQiOmZhbHNlLCJJc0l0YWxpYyI6ZmFsc2UsIklzVW5kZXJsaW5lZCI6ZmFsc2UsIlBhcmVudFN0eWxlIjpudWxsfSwiQXV0b1NpemUiOjAsIkZvcmVncm91bmQiOnsiJGlkIjoiNDU2MyIsIkNvbG9yIjp7IiRpZCI6IjQ1Nj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k4IiwiRm9ybWF0IjowLCJJc1Zpc2libGUiOmZhbHNlLCJMYXN0S25vd25WaXNpYmlsaXR5U3RhdGUiOmZhbHNlfSwiSXNWaXNpYmxlIjp0cnVlLCJWYXJpYW5jZVN0eWxlIjp7IiRpZCI6IjQ1OTkiLCJUZXh0U3R5bGUiOnsiJGlkIjoiNDYwMCIsIkZvbnRTZXR0aW5ncyI6eyIkaWQiOiI0NjAxIiwiRm9udFNpemUiOjExLCJGb250TmFtZSI6IkNhbGlicmkiLCJJc0JvbGQiOmZhbHNlLCJJc0l0YWxpYyI6ZmFsc2UsIklzVW5kZXJsaW5lZCI6ZmFsc2UsIlBhcmVudFN0eWxlIjpudWxsfSwiQXV0b1NpemUiOjAsIkZvcmVncm91bmQiOnsiJGlkIjoiNDYwMiIsIkNvbG9yIjp7IiRpZCI6IjQ2M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M0IiwiRm9ybWF0IjowLCJJc1Zpc2libGUiOmZhbHNlLCJMYXN0S25vd25WaXNpYmlsaXR5U3RhdGUiOmZhbHNlfSwiSXNWaXNpYmxlIjp0cnVlLCJWYXJpYW5jZVN0eWxlIjp7IiRpZCI6IjQ3MzUiLCJUZXh0U3R5bGUiOnsiJGlkIjoiNDczNiIsIkZvbnRTZXR0aW5ncyI6eyIkaWQiOiI0NzM3IiwiRm9udFNpemUiOjExLCJGb250TmFtZSI6IkNhbGlicmkiLCJJc0JvbGQiOmZhbHNlLCJJc0l0YWxpYyI6ZmFsc2UsIklzVW5kZXJsaW5lZCI6ZmFsc2UsIlBhcmVudFN0eWxlIjpudWxsfSwiQXV0b1NpemUiOjAsIkZvcmVncm91bmQiOnsiJGlkIjoiNDczOCIsIkNvbG9yIjp7IiRpZCI6IjQ3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zkiLCJGb3JtYXQiOjAsIklzVmlzaWJsZSI6ZmFsc2UsIkxhc3RLbm93blZpc2liaWxpdHlTdGF0ZSI6ZmFsc2V9LCJJc1Zpc2libGUiOmZhbHNlLCJWYXJpYW5jZVN0eWxlIjp7IiRpZCI6IjQ3ODAiLCJUZXh0U3R5bGUiOnsiJGlkIjoiNDc4MSIsIkZvbnRTZXR0aW5ncyI6eyIkaWQiOiI0NzgyIiwiRm9udFNpemUiOjExLCJGb250TmFtZSI6IkNhbGlicmkiLCJJc0JvbGQiOmZhbHNlLCJJc0l0YWxpYyI6ZmFsc2UsIklzVW5kZXJsaW5lZCI6ZmFsc2UsIlBhcmVudFN0eWxlIjpudWxsfSwiQXV0b1NpemUiOjAsIkZvcmVncm91bmQiOnsiJGlkIjoiNDc4MyIsIkNvbG9yIjp7IiRpZCI6IjQ3O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xOCIsIkZvcm1hdCI6MCwiSXNWaXNpYmxlIjpmYWxzZSwiTGFzdEtub3duVmlzaWJpbGl0eVN0YXRlIjpmYWxzZX0sIklzVmlzaWJsZSI6dHJ1ZSwiVmFyaWFuY2VTdHlsZSI6eyIkaWQiOiI0ODE5IiwiVGV4dFN0eWxlIjp7IiRpZCI6IjQ4MjAiLCJGb250U2V0dGluZ3MiOnsiJGlkIjoiNDgyMSIsIkZvbnRTaXplIjoxMSwiRm9udE5hbWUiOiJDYWxpYnJpIiwiSXNCb2xkIjpmYWxzZSwiSXNJdGFsaWMiOmZhbHNlLCJJc1VuZGVybGluZWQiOmZhbHNlLCJQYXJlbnRTdHlsZSI6bnVsbH0sIkF1dG9TaXplIjowLCJGb3JlZ3JvdW5kIjp7IiRpZCI6IjQ4MjIiLCJDb2xvciI6eyIkaWQiOiI0ODI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dIn0sIlNldHRpbmdzIjp7IiRpZCI6IjQ5MjciLCJJbXBhT3B0aW9ucyI6eyIkaWQiOiI0O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kyOSIsIlVzZVRpbWUiOmZhbHNlLCJXb3JrRGF5U3RhcnQiOiIwMDowMDowMCIsIldvcmtEYXlFbmQiOiIyMzo1OTowMCJ9LCJMYXN0VXNlZFRlbXBsYXRlSWQiOiIwMDAwMDAwMC0wMDAwLTAwMDAtMDAwMC0wMDAwMDAwMDAwMDAiLCJMYXN0VXNlZFRoZW1lRGV0YWlscyI6eyIkaWQiOiI0OTMwIiwiSWQiOiIwNDg3MTViMC1kNTc4LTRjMmYtYTMyNi04ODE4YmUyNDcyNDkiLCJUaXRsZSI6IkJhc2VsaW5lIiwiQ2F0ZWdvcnkiOjF9LCJGaXJzdFdlZWtPZlllYXIiOjAsIlBsYWNlTWlsZXN0b25lQXRUaGVCZWdpbm5pbmdPZlRoZURheSI6ZmFsc2UsIkRlcGVuZGVuY3lTY2hlZHVsaW5nU2V0dGluZ3MiOnsiJGlkIjoiNDkz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nRydWUsIk9sZEZpeGVkSW50ZXJ2YWxzUmVuZGVyaW5nU3RyYXRlZ3lVc2VkQmVmb3Jl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First inspection"/>
  <p:tag name="OTLDATE" val="2026-08-18T23:59:00.0000000"/>
  <p:tag name="OTLBASELINEDATE" val="2026-08-18T23:59:00.0000000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Sign-off"/>
  <p:tag name="OTLDATE" val="2026-08-24T23:59:00.0000000"/>
  <p:tag name="OTLBASELINEDATE" val="2026-08-24T23:59:00.0000000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THREEDEFFECTS" val="None"/>
  <p:tag name="OTLTIMEBANDAUTODATERANGE" val="True"/>
  <p:tag name="OTLTIMEBANDSTARTDATE" val="0001-01-01T00:00:00.0000000"/>
  <p:tag name="OTLTIMEBANDENDDATE" val="2026-08-28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QUICKPOSITION" val="Custom"/>
  <p:tag name="OTLTIMEBANDRESERVEDLEFTAREAWIDTH" val="59.7665300976992"/>
  <p:tag name="OTLLEFTENDCAPSMARGINLEFT" val="103.195071764366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undation curing"/>
  <p:tag name="OTLDATE" val="2026-03-14T23:59:00.0000000"/>
  <p:tag name="OTLBASELINEDATE" val="2026-03-14T23:59:00.0000000"/>
  <p:tag name="OTLRELATEDTASKID" val="2868068b-7eb6-4c58-a369-6756ce46f82d"/>
  <p:tag name="OTLPOSITIONONTASK" val="Center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inspection of roofing &amp; glazing"/>
  <p:tag name="OTLDATE" val="2026-06-01T23:59:00.0000000"/>
  <p:tag name="OTLBASELINEDATE" val="2026-06-01T23:59:00.0000000"/>
  <p:tag name="OTLRELATEDTASKID" val="6714b4d2-6f49-4134-9dbe-e033f317c7b0"/>
  <p:tag name="OTLPOSITIONONTASK" val="Center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exterior inspection"/>
  <p:tag name="OTLDATE" val="2026-07-15T23:59:00.0000000"/>
  <p:tag name="OTLBASELINEDATE" val="2026-07-15T23:59:00.0000000"/>
  <p:tag name="OTLRELATEDTASKID" val="4a0d7f7c-f92a-4528-9ae4-8e6b0807740f"/>
  <p:tag name="OTLPOSITIONONTASK" val="Center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THREEDEFFECTS" val="None"/>
  <p:tag name="OTLTIMEBANDAUTODATERANGE" val="True"/>
  <p:tag name="OTLTIMEBANDSTARTDATE" val="0001-01-01T00:00:00.0000000"/>
  <p:tag name="OTLTIMEBANDENDDATE" val="2026-08-28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QUICKPOSITION" val="Custom"/>
  <p:tag name="OTLTIMEBANDRESERVEDLEFTAREAWIDTH" val="59.7665300976992"/>
  <p:tag name="OTLLEFTENDCAPSMARGINLEFT" val="103.195071764366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8-28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59.7665300976992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LEFTENDCAPSMARGINLEFT" val="103.195071764366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1T00:00:00.0000000"/>
  <p:tag name="OTLENDDATE" val="2026-03-03T23:59:00.0000000"/>
  <p:tag name="OTLBASELINESTARTDATE" val="2026-03-01T00:00:00.0000000"/>
  <p:tag name="OTLPERCENTAGE" val="0"/>
  <p:tag name="OTLDURATIONFORMAT" val="day"/>
  <p:tag name="OTLSPACING" val="3"/>
  <p:tag name="OTLSHAPETHICKNESSTYPE" val="Thin"/>
  <p:tag name="OTLBASELINEENDDATE" val="2026-03-03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BASELINEENDDATE" val="2026-03-11T23:59:00.0000000"/>
  <p:tag name="OTLSTARTDATE" val="2026-03-04T00:00:00.0000000"/>
  <p:tag name="OTLENDDATE" val="2026-03-14T23:59:00.0000000"/>
  <p:tag name="OTLBASELINESTARTDATE" val="2026-03-04T00:00:00.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11T00:00:00.0000000"/>
  <p:tag name="OTLENDDATE" val="2026-03-14T23:59:00.0000000"/>
  <p:tag name="OTLBASELINESTARTDATE" val="2026-03-11T00:00:00.0000000"/>
  <p:tag name="OTLPERCENTAGE" val="0"/>
  <p:tag name="OTLDURATIONFORMAT" val="day"/>
  <p:tag name="OTLSPACING" val="3"/>
  <p:tag name="OTLSHAPETHICKNESSTYPE" val="Thin"/>
  <p:tag name="OTLBASELINEENDDATE" val="2026-03-14T23:59:00.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11T00:00:00.0000000"/>
  <p:tag name="OTLENDDATE" val="2026-03-26T23:59:00.0000000"/>
  <p:tag name="OTLBASELINESTARTDATE" val="2026-03-11T00:00:00.0000000"/>
  <p:tag name="OTLPERCENTAGE" val="0"/>
  <p:tag name="OTLDURATIONFORMAT" val="day"/>
  <p:tag name="OTLSPACING" val="3"/>
  <p:tag name="OTLSHAPETHICKNESSTYPE" val="Thin"/>
  <p:tag name="OTLBASELINEENDDATE" val="2026-03-26T23:59:00.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26T00:00:00.0000000"/>
  <p:tag name="OTLENDDATE" val="2026-04-10T23:59:00.0000000"/>
  <p:tag name="OTLBASELINESTARTDATE" val="2026-03-26T00:00:00.0000000"/>
  <p:tag name="OTLPERCENTAGE" val="0"/>
  <p:tag name="OTLDURATIONFORMAT" val="day"/>
  <p:tag name="OTLSPACING" val="3"/>
  <p:tag name="OTLSHAPETHICKNESSTYPE" val="Thin"/>
  <p:tag name="OTLBASELINEENDDATE" val="2026-04-10T23:59:00.000000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4-01T00:00:00.0000000"/>
  <p:tag name="OTLENDDATE" val="2026-04-15T23:59:00.0000000"/>
  <p:tag name="OTLBASELINESTARTDATE" val="2026-04-01T00:00:00.0000000"/>
  <p:tag name="OTLPERCENTAGE" val="0"/>
  <p:tag name="OTLDURATIONFORMAT" val="day"/>
  <p:tag name="OTLSPACING" val="3"/>
  <p:tag name="OTLSHAPETHICKNESSTYPE" val="Thin"/>
  <p:tag name="OTLBASELINEENDDATE" val="2026-04-15T23:59:00.0000000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4-05T00:00:00.0000000"/>
  <p:tag name="OTLENDDATE" val="2026-04-15T23:59:00.0000000"/>
  <p:tag name="OTLPERCENTAGE" val="0"/>
  <p:tag name="OTLDURATIONFORMAT" val="day"/>
  <p:tag name="OTLSPACING" val="3"/>
  <p:tag name="OTLSHAPETHICKNESSTYPE" val="Thin"/>
  <p:tag name="OTLBASELINEENDDATE" val="2026-04-12T23:59:00.0000000"/>
  <p:tag name="OTLBASELINESTARTDATE" val="2026-04-05T00:00:00.000000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4-10T00:00:00.0000000"/>
  <p:tag name="OTLENDDATE" val="2026-04-20T23:59:00.0000000"/>
  <p:tag name="OTLBASELINESTARTDATE" val="2026-04-10T00:00:00.0000000"/>
  <p:tag name="OTLPERCENTAGE" val="0"/>
  <p:tag name="OTLDURATIONFORMAT" val="day"/>
  <p:tag name="OTLSPACING" val="3"/>
  <p:tag name="OTLSHAPETHICKNESSTYPE" val="Thin"/>
  <p:tag name="OTLBASELINEENDDATE" val="2026-04-20T23:59:00.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5-01T00:00:00.0000000"/>
  <p:tag name="OTLENDDATE" val="2026-05-15T23:59:00.0000000"/>
  <p:tag name="OTLBASELINESTARTDATE" val="2026-05-01T00:00:00.0000000"/>
  <p:tag name="OTLPERCENTAGE" val="0"/>
  <p:tag name="OTLDURATIONFORMAT" val="day"/>
  <p:tag name="OTLSPACING" val="3"/>
  <p:tag name="OTLSHAPETHICKNESSTYPE" val="Thin"/>
  <p:tag name="OTLBASELINEENDDATE" val="2026-05-19T23:59:00.000000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5-15T00:00:00.0000000"/>
  <p:tag name="OTLENDDATE" val="2026-06-01T23:59:00.0000000"/>
  <p:tag name="OTLBASELINESTARTDATE" val="2026-05-15T00:00:00.0000000"/>
  <p:tag name="OTLPERCENTAGE" val="0"/>
  <p:tag name="OTLDURATIONFORMAT" val="day"/>
  <p:tag name="OTLSPACING" val="3"/>
  <p:tag name="OTLSHAPETHICKNESSTYPE" val="Thin"/>
  <p:tag name="OTLBASELINEENDDATE" val="2026-06-01T23:59:00.000000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01T00:00:00.0000000"/>
  <p:tag name="OTLENDDATE" val="2026-06-15T23:59:00.0000000"/>
  <p:tag name="OTLBASELINESTARTDATE" val="2026-06-01T00:00:00.0000000"/>
  <p:tag name="OTLPERCENTAGE" val="0"/>
  <p:tag name="OTLDURATIONFORMAT" val="day"/>
  <p:tag name="OTLSPACING" val="3"/>
  <p:tag name="OTLSHAPETHICKNESSTYPE" val="Thin"/>
  <p:tag name="OTLBASELINEENDDATE" val="2026-06-15T23:59:00.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10T00:00:00.0000000"/>
  <p:tag name="OTLENDDATE" val="2026-06-20T23:59:00.0000000"/>
  <p:tag name="OTLPERCENTAGE" val="0"/>
  <p:tag name="OTLDURATIONFORMAT" val="day"/>
  <p:tag name="OTLSPACING" val="3"/>
  <p:tag name="OTLSHAPETHICKNESSTYPE" val="Thin"/>
  <p:tag name="OTLBASELINESTARTDATE" val="2026-06-10T00:00:00.0000000"/>
  <p:tag name="OTLBASELINEENDDATE" val="2026-06-20T23:59:00.000000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STARTDATE" val="2026-06-18T00:00:00.0000000"/>
  <p:tag name="OTLENDDATE" val="2026-06-27T23:59:00.0000000"/>
  <p:tag name="OTLBASELINESTARTDATE" val="2026-06-18T00:00:00.0000000"/>
  <p:tag name="OTLBASELINEENDDATE" val="2026-06-29T23:59:00.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7-01T00:00:00.0000000"/>
  <p:tag name="OTLENDDATE" val="2026-07-15T23:59:00.0000000"/>
  <p:tag name="OTLBASELINESTARTDATE" val="2026-07-01T00:00:00.0000000"/>
  <p:tag name="OTLPERCENTAGE" val="0"/>
  <p:tag name="OTLDURATIONFORMAT" val="day"/>
  <p:tag name="OTLSPACING" val="3"/>
  <p:tag name="OTLSHAPETHICKNESSTYPE" val="Thin"/>
  <p:tag name="OTLBASELINEENDDATE" val="2026-07-15T23:59:00.0000000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22</Words>
  <Application>Microsoft Office PowerPoint</Application>
  <PresentationFormat>Widescreen</PresentationFormat>
  <Paragraphs>150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ptos</vt:lpstr>
      <vt:lpstr>Aptos Display</vt:lpstr>
      <vt:lpstr>Arial</vt:lpstr>
      <vt:lpstr>Calibri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6-03-03T13:09:54Z</dcterms:created>
  <dcterms:modified xsi:type="dcterms:W3CDTF">2026-03-04T09:59:00Z</dcterms:modified>
</cp:coreProperties>
</file>